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ink/ink5.xml" ContentType="application/inkml+xml"/>
  <Override PartName="/ppt/ink/ink6.xml" ContentType="application/inkml+xml"/>
  <Override PartName="/ppt/ink/ink7.xml" ContentType="application/inkml+xml"/>
  <Override PartName="/ppt/ink/ink8.xml" ContentType="application/inkml+xml"/>
  <Override PartName="/ppt/ink/ink9.xml" ContentType="application/inkml+xml"/>
  <Override PartName="/ppt/ink/ink10.xml" ContentType="application/inkml+xml"/>
  <Override PartName="/ppt/ink/ink11.xml" ContentType="application/inkml+xml"/>
  <Override PartName="/ppt/ink/ink12.xml" ContentType="application/inkml+xml"/>
  <Override PartName="/ppt/ink/ink13.xml" ContentType="application/inkml+xml"/>
  <Override PartName="/ppt/ink/ink14.xml" ContentType="application/inkml+xml"/>
  <Override PartName="/ppt/ink/ink15.xml" ContentType="application/inkml+xml"/>
  <Override PartName="/ppt/ink/ink16.xml" ContentType="application/inkml+xml"/>
  <Override PartName="/ppt/ink/ink17.xml" ContentType="application/inkml+xml"/>
  <Override PartName="/ppt/ink/ink18.xml" ContentType="application/inkml+xml"/>
  <Override PartName="/ppt/ink/ink19.xml" ContentType="application/inkml+xml"/>
  <Override PartName="/ppt/ink/ink20.xml" ContentType="application/inkml+xml"/>
  <Override PartName="/ppt/ink/ink21.xml" ContentType="application/inkml+xml"/>
  <Override PartName="/ppt/ink/ink22.xml" ContentType="application/inkml+xml"/>
  <Override PartName="/ppt/ink/ink23.xml" ContentType="application/inkml+xml"/>
  <Override PartName="/ppt/ink/ink24.xml" ContentType="application/inkml+xml"/>
  <Override PartName="/ppt/ink/ink25.xml" ContentType="application/inkml+xml"/>
  <Override PartName="/ppt/ink/ink26.xml" ContentType="application/inkml+xml"/>
  <Override PartName="/ppt/ink/ink27.xml" ContentType="application/inkml+xml"/>
  <Override PartName="/ppt/ink/ink28.xml" ContentType="application/inkml+xml"/>
  <Override PartName="/ppt/ink/ink29.xml" ContentType="application/inkml+xml"/>
  <Override PartName="/ppt/ink/ink30.xml" ContentType="application/inkml+xml"/>
  <Override PartName="/ppt/ink/ink31.xml" ContentType="application/inkml+xml"/>
  <Override PartName="/ppt/ink/ink32.xml" ContentType="application/inkml+xml"/>
  <Override PartName="/ppt/ink/ink33.xml" ContentType="application/inkml+xml"/>
  <Override PartName="/ppt/ink/ink34.xml" ContentType="application/inkml+xml"/>
  <Override PartName="/ppt/ink/ink35.xml" ContentType="application/inkml+xml"/>
  <Override PartName="/ppt/ink/ink36.xml" ContentType="application/inkml+xml"/>
  <Override PartName="/ppt/ink/ink37.xml" ContentType="application/inkml+xml"/>
  <Override PartName="/ppt/ink/ink38.xml" ContentType="application/inkml+xml"/>
  <Override PartName="/ppt/ink/ink39.xml" ContentType="application/inkml+xml"/>
  <Override PartName="/ppt/ink/ink40.xml" ContentType="application/inkml+xml"/>
  <Override PartName="/ppt/ink/ink41.xml" ContentType="application/inkml+xml"/>
  <Override PartName="/ppt/ink/ink42.xml" ContentType="application/inkml+xml"/>
  <Override PartName="/ppt/ink/ink43.xml" ContentType="application/inkml+xml"/>
  <Override PartName="/ppt/ink/ink44.xml" ContentType="application/inkml+xml"/>
  <Override PartName="/ppt/ink/ink45.xml" ContentType="application/inkml+xml"/>
  <Override PartName="/ppt/ink/ink46.xml" ContentType="application/inkml+xml"/>
  <Override PartName="/ppt/ink/ink47.xml" ContentType="application/inkml+xml"/>
  <Override PartName="/ppt/ink/ink48.xml" ContentType="application/inkml+xml"/>
  <Override PartName="/ppt/ink/ink49.xml" ContentType="application/inkml+xml"/>
  <Override PartName="/ppt/ink/ink50.xml" ContentType="application/inkml+xml"/>
  <Override PartName="/ppt/ink/ink51.xml" ContentType="application/inkml+xml"/>
  <Override PartName="/ppt/ink/ink52.xml" ContentType="application/inkml+xml"/>
  <Override PartName="/ppt/ink/ink53.xml" ContentType="application/inkml+xml"/>
  <Override PartName="/ppt/ink/ink54.xml" ContentType="application/inkml+xml"/>
  <Override PartName="/ppt/ink/ink55.xml" ContentType="application/inkml+xml"/>
  <Override PartName="/ppt/ink/ink56.xml" ContentType="application/inkml+xml"/>
  <Override PartName="/ppt/ink/ink57.xml" ContentType="application/inkml+xml"/>
  <Override PartName="/ppt/ink/ink58.xml" ContentType="application/inkml+xml"/>
  <Override PartName="/ppt/ink/ink59.xml" ContentType="application/inkml+xml"/>
  <Override PartName="/ppt/ink/ink60.xml" ContentType="application/inkml+xml"/>
  <Override PartName="/ppt/ink/ink61.xml" ContentType="application/inkml+xml"/>
  <Override PartName="/ppt/ink/ink62.xml" ContentType="application/inkml+xml"/>
  <Override PartName="/ppt/ink/ink63.xml" ContentType="application/inkml+xml"/>
  <Override PartName="/ppt/ink/ink64.xml" ContentType="application/inkml+xml"/>
  <Override PartName="/ppt/ink/ink65.xml" ContentType="application/inkml+xml"/>
  <Override PartName="/ppt/ink/ink66.xml" ContentType="application/inkml+xml"/>
  <Override PartName="/ppt/ink/ink67.xml" ContentType="application/inkml+xml"/>
  <Override PartName="/ppt/ink/ink68.xml" ContentType="application/inkml+xml"/>
  <Override PartName="/ppt/ink/ink69.xml" ContentType="application/inkml+xml"/>
  <Override PartName="/ppt/ink/ink70.xml" ContentType="application/inkml+xml"/>
  <Override PartName="/ppt/ink/ink71.xml" ContentType="application/inkml+xml"/>
  <Override PartName="/ppt/ink/ink72.xml" ContentType="application/inkml+xml"/>
  <Override PartName="/ppt/ink/ink73.xml" ContentType="application/inkml+xml"/>
  <Override PartName="/ppt/ink/ink74.xml" ContentType="application/inkml+xml"/>
  <Override PartName="/ppt/ink/ink75.xml" ContentType="application/inkml+xml"/>
  <Override PartName="/ppt/ink/ink76.xml" ContentType="application/inkml+xml"/>
  <Override PartName="/ppt/ink/ink77.xml" ContentType="application/inkml+xml"/>
  <Override PartName="/ppt/ink/ink78.xml" ContentType="application/inkml+xml"/>
  <Override PartName="/ppt/ink/ink79.xml" ContentType="application/inkml+xml"/>
  <Override PartName="/ppt/ink/ink80.xml" ContentType="application/inkml+xml"/>
  <Override PartName="/ppt/ink/ink81.xml" ContentType="application/inkml+xml"/>
  <Override PartName="/ppt/ink/ink82.xml" ContentType="application/inkml+xml"/>
  <Override PartName="/ppt/ink/ink83.xml" ContentType="application/inkml+xml"/>
  <Override PartName="/ppt/ink/ink84.xml" ContentType="application/inkml+xml"/>
  <Override PartName="/ppt/ink/ink85.xml" ContentType="application/inkml+xml"/>
  <Override PartName="/ppt/ink/ink86.xml" ContentType="application/inkml+xml"/>
  <Override PartName="/ppt/ink/ink87.xml" ContentType="application/inkml+xml"/>
  <Override PartName="/ppt/ink/ink88.xml" ContentType="application/inkml+xml"/>
  <Override PartName="/ppt/ink/ink89.xml" ContentType="application/inkml+xml"/>
  <Override PartName="/ppt/ink/ink90.xml" ContentType="application/inkml+xml"/>
  <Override PartName="/ppt/ink/ink91.xml" ContentType="application/inkml+xml"/>
  <Override PartName="/ppt/ink/ink92.xml" ContentType="application/inkml+xml"/>
  <Override PartName="/ppt/ink/ink93.xml" ContentType="application/inkml+xml"/>
  <Override PartName="/ppt/ink/ink94.xml" ContentType="application/inkml+xml"/>
  <Override PartName="/ppt/ink/ink95.xml" ContentType="application/inkml+xml"/>
  <Override PartName="/ppt/ink/ink96.xml" ContentType="application/inkml+xml"/>
  <Override PartName="/ppt/ink/ink97.xml" ContentType="application/inkml+xml"/>
  <Override PartName="/ppt/ink/ink98.xml" ContentType="application/inkml+xml"/>
  <Override PartName="/ppt/ink/ink99.xml" ContentType="application/inkml+xml"/>
  <Override PartName="/ppt/ink/ink100.xml" ContentType="application/inkml+xml"/>
  <Override PartName="/ppt/ink/ink101.xml" ContentType="application/inkml+xml"/>
  <Override PartName="/ppt/ink/ink102.xml" ContentType="application/inkml+xml"/>
  <Override PartName="/ppt/ink/ink103.xml" ContentType="application/inkml+xml"/>
  <Override PartName="/ppt/ink/ink104.xml" ContentType="application/inkml+xml"/>
  <Override PartName="/ppt/ink/ink105.xml" ContentType="application/inkml+xml"/>
  <Override PartName="/ppt/ink/ink106.xml" ContentType="application/inkml+xml"/>
  <Override PartName="/ppt/ink/ink107.xml" ContentType="application/inkml+xml"/>
  <Override PartName="/ppt/ink/ink108.xml" ContentType="application/inkml+xml"/>
  <Override PartName="/ppt/ink/ink109.xml" ContentType="application/inkml+xml"/>
  <Override PartName="/ppt/ink/ink110.xml" ContentType="application/inkml+xml"/>
  <Override PartName="/ppt/ink/ink111.xml" ContentType="application/inkml+xml"/>
  <Override PartName="/ppt/ink/ink112.xml" ContentType="application/inkml+xml"/>
  <Override PartName="/ppt/ink/ink113.xml" ContentType="application/inkml+xml"/>
  <Override PartName="/ppt/ink/ink114.xml" ContentType="application/inkml+xml"/>
  <Override PartName="/ppt/ink/ink115.xml" ContentType="application/inkml+xml"/>
  <Override PartName="/ppt/ink/ink116.xml" ContentType="application/inkml+xml"/>
  <Override PartName="/ppt/ink/ink117.xml" ContentType="application/inkml+xml"/>
  <Override PartName="/ppt/ink/ink118.xml" ContentType="application/inkml+xml"/>
  <Override PartName="/ppt/ink/ink119.xml" ContentType="application/inkml+xml"/>
  <Override PartName="/ppt/ink/ink120.xml" ContentType="application/inkml+xml"/>
  <Override PartName="/ppt/ink/ink121.xml" ContentType="application/inkml+xml"/>
  <Override PartName="/ppt/ink/ink122.xml" ContentType="application/inkml+xml"/>
  <Override PartName="/ppt/ink/ink123.xml" ContentType="application/inkml+xml"/>
  <Override PartName="/ppt/ink/ink124.xml" ContentType="application/inkml+xml"/>
  <Override PartName="/ppt/ink/ink125.xml" ContentType="application/inkml+xml"/>
  <Override PartName="/ppt/ink/ink126.xml" ContentType="application/inkml+xml"/>
  <Override PartName="/ppt/ink/ink127.xml" ContentType="application/inkml+xml"/>
  <Override PartName="/ppt/ink/ink128.xml" ContentType="application/inkml+xml"/>
  <Override PartName="/ppt/ink/ink129.xml" ContentType="application/inkml+xml"/>
  <Override PartName="/ppt/ink/ink130.xml" ContentType="application/inkml+xml"/>
  <Override PartName="/ppt/ink/ink131.xml" ContentType="application/inkml+xml"/>
  <Override PartName="/ppt/ink/ink132.xml" ContentType="application/inkml+xml"/>
  <Override PartName="/ppt/ink/ink133.xml" ContentType="application/inkml+xml"/>
  <Override PartName="/ppt/ink/ink134.xml" ContentType="application/inkml+xml"/>
  <Override PartName="/ppt/ink/ink135.xml" ContentType="application/inkml+xml"/>
  <Override PartName="/ppt/ink/ink136.xml" ContentType="application/inkml+xml"/>
  <Override PartName="/ppt/ink/ink137.xml" ContentType="application/inkml+xml"/>
  <Override PartName="/ppt/ink/ink138.xml" ContentType="application/inkml+xml"/>
  <Override PartName="/ppt/ink/ink139.xml" ContentType="application/inkml+xml"/>
  <Override PartName="/ppt/ink/ink140.xml" ContentType="application/inkml+xml"/>
  <Override PartName="/ppt/ink/ink141.xml" ContentType="application/inkml+xml"/>
  <Override PartName="/ppt/ink/ink142.xml" ContentType="application/inkml+xml"/>
  <Override PartName="/ppt/ink/ink143.xml" ContentType="application/inkml+xml"/>
  <Override PartName="/ppt/ink/ink144.xml" ContentType="application/inkml+xml"/>
  <Override PartName="/ppt/ink/ink145.xml" ContentType="application/inkml+xml"/>
  <Override PartName="/ppt/ink/ink146.xml" ContentType="application/inkml+xml"/>
  <Override PartName="/ppt/ink/ink147.xml" ContentType="application/inkml+xml"/>
  <Override PartName="/ppt/ink/ink148.xml" ContentType="application/inkml+xml"/>
  <Override PartName="/ppt/ink/ink149.xml" ContentType="application/inkml+xml"/>
  <Override PartName="/ppt/ink/ink150.xml" ContentType="application/inkml+xml"/>
  <Override PartName="/ppt/ink/ink151.xml" ContentType="application/inkml+xml"/>
  <Override PartName="/ppt/ink/ink152.xml" ContentType="application/inkml+xml"/>
  <Override PartName="/ppt/ink/ink153.xml" ContentType="application/inkml+xml"/>
  <Override PartName="/ppt/ink/ink154.xml" ContentType="application/inkml+xml"/>
  <Override PartName="/ppt/ink/ink155.xml" ContentType="application/inkml+xml"/>
  <Override PartName="/ppt/ink/ink156.xml" ContentType="application/inkml+xml"/>
  <Override PartName="/ppt/ink/ink157.xml" ContentType="application/inkml+xml"/>
  <Override PartName="/ppt/ink/ink158.xml" ContentType="application/inkml+xml"/>
  <Override PartName="/ppt/ink/ink159.xml" ContentType="application/inkml+xml"/>
  <Override PartName="/ppt/ink/ink160.xml" ContentType="application/inkml+xml"/>
  <Override PartName="/ppt/ink/ink161.xml" ContentType="application/inkml+xml"/>
  <Override PartName="/ppt/ink/ink162.xml" ContentType="application/inkml+xml"/>
  <Override PartName="/ppt/ink/ink163.xml" ContentType="application/inkml+xml"/>
  <Override PartName="/ppt/ink/ink164.xml" ContentType="application/inkml+xml"/>
  <Override PartName="/ppt/ink/ink165.xml" ContentType="application/inkml+xml"/>
  <Override PartName="/ppt/ink/ink166.xml" ContentType="application/inkml+xml"/>
  <Override PartName="/ppt/ink/ink167.xml" ContentType="application/inkml+xml"/>
  <Override PartName="/ppt/ink/ink168.xml" ContentType="application/inkml+xml"/>
  <Override PartName="/ppt/ink/ink169.xml" ContentType="application/inkml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29"/>
  </p:notesMasterIdLst>
  <p:handoutMasterIdLst>
    <p:handoutMasterId r:id="rId30"/>
  </p:handoutMasterIdLst>
  <p:sldIdLst>
    <p:sldId id="271" r:id="rId21"/>
    <p:sldId id="272" r:id="rId22"/>
    <p:sldId id="273" r:id="rId23"/>
    <p:sldId id="274" r:id="rId24"/>
    <p:sldId id="275" r:id="rId25"/>
    <p:sldId id="277" r:id="rId26"/>
    <p:sldId id="276" r:id="rId27"/>
    <p:sldId id="261" r:id="rId28"/>
  </p:sldIdLst>
  <p:sldSz cx="12192000" cy="6858000"/>
  <p:notesSz cx="6858000" cy="9144000"/>
  <p:embeddedFontLst>
    <p:embeddedFont>
      <p:font typeface="Ericsson Hilda" panose="020B0604020202020204" charset="0"/>
      <p:regular r:id="rId31"/>
      <p:bold r:id="rId32"/>
    </p:embeddedFont>
    <p:embeddedFont>
      <p:font typeface="Ericsson Hilda Light" panose="020B0604020202020204" charset="0"/>
      <p:regular r:id="rId33"/>
    </p:embeddedFont>
    <p:embeddedFont>
      <p:font typeface="Ericsson Technical Icons" panose="020B0604020202020204" charset="0"/>
      <p:regular r:id="rId34"/>
      <p:bold r:id="rId35"/>
      <p:italic r:id="rId36"/>
      <p:boldItalic r:id="rId37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25E150F-BFE4-3B40-A586-85058906F51A}" v="557" dt="2021-06-08T11:16:59.176"/>
    <p1510:client id="{7F7A1AC0-96C6-D14F-A636-36BD76D63EEC}" v="387" dt="2021-06-08T11:19:01.050"/>
    <p1510:client id="{FD3D7B16-1F8D-DC42-8B71-0DDF6A0E35BA}" v="296" dt="2021-06-08T09:21:37.383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viewProps" Target="viewProps.xml"/><Relationship Id="rId21" Type="http://schemas.openxmlformats.org/officeDocument/2006/relationships/slide" Target="slides/slide1.xml"/><Relationship Id="rId34" Type="http://schemas.openxmlformats.org/officeDocument/2006/relationships/font" Target="fonts/font4.fntdata"/><Relationship Id="rId42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notesMaster" Target="notesMasters/notesMaster1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font" Target="fonts/font2.fntdata"/><Relationship Id="rId37" Type="http://schemas.openxmlformats.org/officeDocument/2006/relationships/font" Target="fonts/font7.fntdata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font" Target="fonts/font6.fntdata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font" Target="fonts/font1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handoutMaster" Target="handoutMasters/handoutMaster1.xml"/><Relationship Id="rId35" Type="http://schemas.openxmlformats.org/officeDocument/2006/relationships/font" Target="fonts/font5.fntdata"/><Relationship Id="rId43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font" Target="fonts/font3.fntdata"/><Relationship Id="rId38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David Lindero" userId="99e779fe-8d8e-44db-9ba6-c59f9563b2fa" providerId="ADAL" clId="{725E150F-BFE4-3B40-A586-85058906F51A}"/>
    <pc:docChg chg="undo redo custSel modSld">
      <pc:chgData name="David Lindero" userId="99e779fe-8d8e-44db-9ba6-c59f9563b2fa" providerId="ADAL" clId="{725E150F-BFE4-3B40-A586-85058906F51A}" dt="2021-06-08T11:16:59.176" v="550"/>
      <pc:docMkLst>
        <pc:docMk/>
      </pc:docMkLst>
      <pc:sldChg chg="modSp">
        <pc:chgData name="David Lindero" userId="99e779fe-8d8e-44db-9ba6-c59f9563b2fa" providerId="ADAL" clId="{725E150F-BFE4-3B40-A586-85058906F51A}" dt="2021-06-08T11:10:53.354" v="486" actId="20577"/>
        <pc:sldMkLst>
          <pc:docMk/>
          <pc:sldMk cId="2230748882" sldId="271"/>
        </pc:sldMkLst>
        <pc:spChg chg="mod">
          <ac:chgData name="David Lindero" userId="99e779fe-8d8e-44db-9ba6-c59f9563b2fa" providerId="ADAL" clId="{725E150F-BFE4-3B40-A586-85058906F51A}" dt="2021-06-08T11:10:53.354" v="486" actId="20577"/>
          <ac:spMkLst>
            <pc:docMk/>
            <pc:sldMk cId="2230748882" sldId="271"/>
            <ac:spMk id="4" creationId="{6A927E07-3624-45B8-934B-C229726CA813}"/>
          </ac:spMkLst>
        </pc:spChg>
      </pc:sldChg>
      <pc:sldChg chg="addSp delSp modSp">
        <pc:chgData name="David Lindero" userId="99e779fe-8d8e-44db-9ba6-c59f9563b2fa" providerId="ADAL" clId="{725E150F-BFE4-3B40-A586-85058906F51A}" dt="2021-06-08T11:16:59.176" v="550"/>
        <pc:sldMkLst>
          <pc:docMk/>
          <pc:sldMk cId="1686217449" sldId="273"/>
        </pc:sldMkLst>
        <pc:grpChg chg="add del">
          <ac:chgData name="David Lindero" userId="99e779fe-8d8e-44db-9ba6-c59f9563b2fa" providerId="ADAL" clId="{725E150F-BFE4-3B40-A586-85058906F51A}" dt="2021-06-08T11:15:50.246" v="490"/>
          <ac:grpSpMkLst>
            <pc:docMk/>
            <pc:sldMk cId="1686217449" sldId="273"/>
            <ac:grpSpMk id="13" creationId="{3E4AC3DA-FF2F-BD4B-B140-A25FE9D45A14}"/>
          </ac:grpSpMkLst>
        </pc:grpChg>
        <pc:grpChg chg="add del">
          <ac:chgData name="David Lindero" userId="99e779fe-8d8e-44db-9ba6-c59f9563b2fa" providerId="ADAL" clId="{725E150F-BFE4-3B40-A586-85058906F51A}" dt="2021-06-08T11:07:13.485" v="455"/>
          <ac:grpSpMkLst>
            <pc:docMk/>
            <pc:sldMk cId="1686217449" sldId="273"/>
            <ac:grpSpMk id="16" creationId="{47FE5F12-D80A-F942-9F77-C1460A8EFF02}"/>
          </ac:grpSpMkLst>
        </pc:grpChg>
        <pc:grpChg chg="add del">
          <ac:chgData name="David Lindero" userId="99e779fe-8d8e-44db-9ba6-c59f9563b2fa" providerId="ADAL" clId="{725E150F-BFE4-3B40-A586-85058906F51A}" dt="2021-06-08T10:56:52.252" v="401"/>
          <ac:grpSpMkLst>
            <pc:docMk/>
            <pc:sldMk cId="1686217449" sldId="273"/>
            <ac:grpSpMk id="16" creationId="{A7F4E858-A532-EF4F-9632-5008F34F9214}"/>
          </ac:grpSpMkLst>
        </pc:grpChg>
        <pc:grpChg chg="add del">
          <ac:chgData name="David Lindero" userId="99e779fe-8d8e-44db-9ba6-c59f9563b2fa" providerId="ADAL" clId="{725E150F-BFE4-3B40-A586-85058906F51A}" dt="2021-06-08T08:48:06.898" v="12"/>
          <ac:grpSpMkLst>
            <pc:docMk/>
            <pc:sldMk cId="1686217449" sldId="273"/>
            <ac:grpSpMk id="18" creationId="{57D36F03-5B6C-ED40-A84F-B9E5D0B44257}"/>
          </ac:grpSpMkLst>
        </pc:grpChg>
        <pc:grpChg chg="add del">
          <ac:chgData name="David Lindero" userId="99e779fe-8d8e-44db-9ba6-c59f9563b2fa" providerId="ADAL" clId="{725E150F-BFE4-3B40-A586-85058906F51A}" dt="2021-06-08T08:48:26.103" v="24"/>
          <ac:grpSpMkLst>
            <pc:docMk/>
            <pc:sldMk cId="1686217449" sldId="273"/>
            <ac:grpSpMk id="21" creationId="{0DF209A5-7F9C-D249-9D41-6293081FEA2E}"/>
          </ac:grpSpMkLst>
        </pc:grpChg>
        <pc:grpChg chg="add">
          <ac:chgData name="David Lindero" userId="99e779fe-8d8e-44db-9ba6-c59f9563b2fa" providerId="ADAL" clId="{725E150F-BFE4-3B40-A586-85058906F51A}" dt="2021-06-08T08:56:11.825" v="282"/>
          <ac:grpSpMkLst>
            <pc:docMk/>
            <pc:sldMk cId="1686217449" sldId="273"/>
            <ac:grpSpMk id="23" creationId="{E089E508-EB59-3644-BA1A-A1FA357EDCE9}"/>
          </ac:grpSpMkLst>
        </pc:grpChg>
        <pc:grpChg chg="add del">
          <ac:chgData name="David Lindero" userId="99e779fe-8d8e-44db-9ba6-c59f9563b2fa" providerId="ADAL" clId="{725E150F-BFE4-3B40-A586-85058906F51A}" dt="2021-06-08T08:55:35.670" v="243"/>
          <ac:grpSpMkLst>
            <pc:docMk/>
            <pc:sldMk cId="1686217449" sldId="273"/>
            <ac:grpSpMk id="28" creationId="{6D2EBF08-B9CB-B741-B869-654566DA74EF}"/>
          </ac:grpSpMkLst>
        </pc:grpChg>
        <pc:grpChg chg="add del">
          <ac:chgData name="David Lindero" userId="99e779fe-8d8e-44db-9ba6-c59f9563b2fa" providerId="ADAL" clId="{725E150F-BFE4-3B40-A586-85058906F51A}" dt="2021-06-08T10:58:53.092" v="420"/>
          <ac:grpSpMkLst>
            <pc:docMk/>
            <pc:sldMk cId="1686217449" sldId="273"/>
            <ac:grpSpMk id="32" creationId="{DEDB8333-9F64-0740-827D-D221DA319A20}"/>
          </ac:grpSpMkLst>
        </pc:grpChg>
        <pc:grpChg chg="add">
          <ac:chgData name="David Lindero" userId="99e779fe-8d8e-44db-9ba6-c59f9563b2fa" providerId="ADAL" clId="{725E150F-BFE4-3B40-A586-85058906F51A}" dt="2021-06-08T08:56:15.365" v="289"/>
          <ac:grpSpMkLst>
            <pc:docMk/>
            <pc:sldMk cId="1686217449" sldId="273"/>
            <ac:grpSpMk id="33" creationId="{42C72B11-F798-4E42-B4BA-12FEF1F489D6}"/>
          </ac:grpSpMkLst>
        </pc:grpChg>
        <pc:grpChg chg="add">
          <ac:chgData name="David Lindero" userId="99e779fe-8d8e-44db-9ba6-c59f9563b2fa" providerId="ADAL" clId="{725E150F-BFE4-3B40-A586-85058906F51A}" dt="2021-06-08T10:58:53.092" v="420"/>
          <ac:grpSpMkLst>
            <pc:docMk/>
            <pc:sldMk cId="1686217449" sldId="273"/>
            <ac:grpSpMk id="35" creationId="{18478CA9-906F-9340-806F-168103E8D05D}"/>
          </ac:grpSpMkLst>
        </pc:grpChg>
        <pc:grpChg chg="add">
          <ac:chgData name="David Lindero" userId="99e779fe-8d8e-44db-9ba6-c59f9563b2fa" providerId="ADAL" clId="{725E150F-BFE4-3B40-A586-85058906F51A}" dt="2021-06-08T08:49:46.472" v="38"/>
          <ac:grpSpMkLst>
            <pc:docMk/>
            <pc:sldMk cId="1686217449" sldId="273"/>
            <ac:grpSpMk id="38" creationId="{C80BA3F2-77B5-084C-89C5-7031858407AD}"/>
          </ac:grpSpMkLst>
        </pc:grpChg>
        <pc:grpChg chg="add del">
          <ac:chgData name="David Lindero" userId="99e779fe-8d8e-44db-9ba6-c59f9563b2fa" providerId="ADAL" clId="{725E150F-BFE4-3B40-A586-85058906F51A}" dt="2021-06-08T11:16:15.452" v="500"/>
          <ac:grpSpMkLst>
            <pc:docMk/>
            <pc:sldMk cId="1686217449" sldId="273"/>
            <ac:grpSpMk id="40" creationId="{B41B7E46-39F1-5043-9F78-B4FA5A7AD1B3}"/>
          </ac:grpSpMkLst>
        </pc:grpChg>
        <pc:grpChg chg="add del">
          <ac:chgData name="David Lindero" userId="99e779fe-8d8e-44db-9ba6-c59f9563b2fa" providerId="ADAL" clId="{725E150F-BFE4-3B40-A586-85058906F51A}" dt="2021-06-08T11:09:13.282" v="477"/>
          <ac:grpSpMkLst>
            <pc:docMk/>
            <pc:sldMk cId="1686217449" sldId="273"/>
            <ac:grpSpMk id="41" creationId="{93E67E82-33EF-F74B-A136-6C520C11809C}"/>
          </ac:grpSpMkLst>
        </pc:grpChg>
        <pc:grpChg chg="add del">
          <ac:chgData name="David Lindero" userId="99e779fe-8d8e-44db-9ba6-c59f9563b2fa" providerId="ADAL" clId="{725E150F-BFE4-3B40-A586-85058906F51A}" dt="2021-06-08T08:50:39.832" v="51"/>
          <ac:grpSpMkLst>
            <pc:docMk/>
            <pc:sldMk cId="1686217449" sldId="273"/>
            <ac:grpSpMk id="46" creationId="{A9D9A5F9-098A-BB4D-A526-6E4FB5DFFAD9}"/>
          </ac:grpSpMkLst>
        </pc:grpChg>
        <pc:grpChg chg="add del">
          <ac:chgData name="David Lindero" userId="99e779fe-8d8e-44db-9ba6-c59f9563b2fa" providerId="ADAL" clId="{725E150F-BFE4-3B40-A586-85058906F51A}" dt="2021-06-08T10:59:02.038" v="435"/>
          <ac:grpSpMkLst>
            <pc:docMk/>
            <pc:sldMk cId="1686217449" sldId="273"/>
            <ac:grpSpMk id="46" creationId="{E3B98A6B-2AB3-3145-B762-927044C6CFA7}"/>
          </ac:grpSpMkLst>
        </pc:grpChg>
        <pc:grpChg chg="add">
          <ac:chgData name="David Lindero" userId="99e779fe-8d8e-44db-9ba6-c59f9563b2fa" providerId="ADAL" clId="{725E150F-BFE4-3B40-A586-85058906F51A}" dt="2021-06-08T11:07:24.391" v="460"/>
          <ac:grpSpMkLst>
            <pc:docMk/>
            <pc:sldMk cId="1686217449" sldId="273"/>
            <ac:grpSpMk id="46" creationId="{EE7E1147-E988-9947-B9D9-8DFBD6F44DD9}"/>
          </ac:grpSpMkLst>
        </pc:grpChg>
        <pc:grpChg chg="add del">
          <ac:chgData name="David Lindero" userId="99e779fe-8d8e-44db-9ba6-c59f9563b2fa" providerId="ADAL" clId="{725E150F-BFE4-3B40-A586-85058906F51A}" dt="2021-06-08T08:50:41.038" v="53"/>
          <ac:grpSpMkLst>
            <pc:docMk/>
            <pc:sldMk cId="1686217449" sldId="273"/>
            <ac:grpSpMk id="51" creationId="{C131861E-4C6B-6142-A54A-7B8C1CED840A}"/>
          </ac:grpSpMkLst>
        </pc:grpChg>
        <pc:grpChg chg="add del">
          <ac:chgData name="David Lindero" userId="99e779fe-8d8e-44db-9ba6-c59f9563b2fa" providerId="ADAL" clId="{725E150F-BFE4-3B40-A586-85058906F51A}" dt="2021-06-08T08:56:02.105" v="267"/>
          <ac:grpSpMkLst>
            <pc:docMk/>
            <pc:sldMk cId="1686217449" sldId="273"/>
            <ac:grpSpMk id="53" creationId="{381AD8C5-CF09-E44A-B997-53667B0B2A09}"/>
          </ac:grpSpMkLst>
        </pc:grpChg>
        <pc:grpChg chg="add del">
          <ac:chgData name="David Lindero" userId="99e779fe-8d8e-44db-9ba6-c59f9563b2fa" providerId="ADAL" clId="{725E150F-BFE4-3B40-A586-85058906F51A}" dt="2021-06-08T10:59:07.487" v="445"/>
          <ac:grpSpMkLst>
            <pc:docMk/>
            <pc:sldMk cId="1686217449" sldId="273"/>
            <ac:grpSpMk id="56" creationId="{59FCCCA2-778B-9443-82B8-A4CD3188ADBD}"/>
          </ac:grpSpMkLst>
        </pc:grpChg>
        <pc:grpChg chg="add del">
          <ac:chgData name="David Lindero" userId="99e779fe-8d8e-44db-9ba6-c59f9563b2fa" providerId="ADAL" clId="{725E150F-BFE4-3B40-A586-85058906F51A}" dt="2021-06-08T08:56:02.111" v="270"/>
          <ac:grpSpMkLst>
            <pc:docMk/>
            <pc:sldMk cId="1686217449" sldId="273"/>
            <ac:grpSpMk id="59" creationId="{57413AF5-9362-7D4C-9300-FAD184D254AD}"/>
          </ac:grpSpMkLst>
        </pc:grpChg>
        <pc:grpChg chg="add del">
          <ac:chgData name="David Lindero" userId="99e779fe-8d8e-44db-9ba6-c59f9563b2fa" providerId="ADAL" clId="{725E150F-BFE4-3B40-A586-85058906F51A}" dt="2021-06-08T08:51:34.756" v="74"/>
          <ac:grpSpMkLst>
            <pc:docMk/>
            <pc:sldMk cId="1686217449" sldId="273"/>
            <ac:grpSpMk id="62" creationId="{44234740-2A53-A24E-ADF1-89130620EDCF}"/>
          </ac:grpSpMkLst>
        </pc:grpChg>
        <pc:grpChg chg="add">
          <ac:chgData name="David Lindero" userId="99e779fe-8d8e-44db-9ba6-c59f9563b2fa" providerId="ADAL" clId="{725E150F-BFE4-3B40-A586-85058906F51A}" dt="2021-06-08T10:59:07.487" v="445"/>
          <ac:grpSpMkLst>
            <pc:docMk/>
            <pc:sldMk cId="1686217449" sldId="273"/>
            <ac:grpSpMk id="66" creationId="{DB504920-12B0-DC4D-94A4-607C4C1C406C}"/>
          </ac:grpSpMkLst>
        </pc:grpChg>
        <pc:grpChg chg="add del">
          <ac:chgData name="David Lindero" userId="99e779fe-8d8e-44db-9ba6-c59f9563b2fa" providerId="ADAL" clId="{725E150F-BFE4-3B40-A586-85058906F51A}" dt="2021-06-08T08:51:30.771" v="69"/>
          <ac:grpSpMkLst>
            <pc:docMk/>
            <pc:sldMk cId="1686217449" sldId="273"/>
            <ac:grpSpMk id="68" creationId="{D4AD2427-6120-6345-A8B0-CDA2D404C879}"/>
          </ac:grpSpMkLst>
        </pc:grpChg>
        <pc:grpChg chg="add del">
          <ac:chgData name="David Lindero" userId="99e779fe-8d8e-44db-9ba6-c59f9563b2fa" providerId="ADAL" clId="{725E150F-BFE4-3B40-A586-85058906F51A}" dt="2021-06-08T08:51:49.091" v="79"/>
          <ac:grpSpMkLst>
            <pc:docMk/>
            <pc:sldMk cId="1686217449" sldId="273"/>
            <ac:grpSpMk id="71" creationId="{D9DF01D4-409E-EA43-84FA-A0DCD46B379F}"/>
          </ac:grpSpMkLst>
        </pc:grpChg>
        <pc:grpChg chg="add">
          <ac:chgData name="David Lindero" userId="99e779fe-8d8e-44db-9ba6-c59f9563b2fa" providerId="ADAL" clId="{725E150F-BFE4-3B40-A586-85058906F51A}" dt="2021-06-08T11:07:45.025" v="465"/>
          <ac:grpSpMkLst>
            <pc:docMk/>
            <pc:sldMk cId="1686217449" sldId="273"/>
            <ac:grpSpMk id="74" creationId="{FEF2425C-8125-384D-81D9-065B28A56C74}"/>
          </ac:grpSpMkLst>
        </pc:grpChg>
        <pc:grpChg chg="add del">
          <ac:chgData name="David Lindero" userId="99e779fe-8d8e-44db-9ba6-c59f9563b2fa" providerId="ADAL" clId="{725E150F-BFE4-3B40-A586-85058906F51A}" dt="2021-06-08T08:51:59.587" v="91"/>
          <ac:grpSpMkLst>
            <pc:docMk/>
            <pc:sldMk cId="1686217449" sldId="273"/>
            <ac:grpSpMk id="78" creationId="{2C50E0EE-CF7C-A14D-B762-5FFE27132C9E}"/>
          </ac:grpSpMkLst>
        </pc:grpChg>
        <pc:grpChg chg="add">
          <ac:chgData name="David Lindero" userId="99e779fe-8d8e-44db-9ba6-c59f9563b2fa" providerId="ADAL" clId="{725E150F-BFE4-3B40-A586-85058906F51A}" dt="2021-06-08T11:08:45.595" v="472"/>
          <ac:grpSpMkLst>
            <pc:docMk/>
            <pc:sldMk cId="1686217449" sldId="273"/>
            <ac:grpSpMk id="80" creationId="{053F5233-413C-3447-9274-FD7477E77F79}"/>
          </ac:grpSpMkLst>
        </pc:grpChg>
        <pc:grpChg chg="add">
          <ac:chgData name="David Lindero" userId="99e779fe-8d8e-44db-9ba6-c59f9563b2fa" providerId="ADAL" clId="{725E150F-BFE4-3B40-A586-85058906F51A}" dt="2021-06-08T11:09:05.888" v="476"/>
          <ac:grpSpMkLst>
            <pc:docMk/>
            <pc:sldMk cId="1686217449" sldId="273"/>
            <ac:grpSpMk id="83" creationId="{10D4B423-1BB5-4F43-8E4C-1E8952A5095A}"/>
          </ac:grpSpMkLst>
        </pc:grpChg>
        <pc:grpChg chg="add del">
          <ac:chgData name="David Lindero" userId="99e779fe-8d8e-44db-9ba6-c59f9563b2fa" providerId="ADAL" clId="{725E150F-BFE4-3B40-A586-85058906F51A}" dt="2021-06-08T08:52:08.527" v="94"/>
          <ac:grpSpMkLst>
            <pc:docMk/>
            <pc:sldMk cId="1686217449" sldId="273"/>
            <ac:grpSpMk id="83" creationId="{8865C998-1266-2E4E-B21B-1FC309275544}"/>
          </ac:grpSpMkLst>
        </pc:grpChg>
        <pc:grpChg chg="add del">
          <ac:chgData name="David Lindero" userId="99e779fe-8d8e-44db-9ba6-c59f9563b2fa" providerId="ADAL" clId="{725E150F-BFE4-3B40-A586-85058906F51A}" dt="2021-06-08T08:52:33.253" v="124"/>
          <ac:grpSpMkLst>
            <pc:docMk/>
            <pc:sldMk cId="1686217449" sldId="273"/>
            <ac:grpSpMk id="86" creationId="{0475DB7D-30A1-3C4A-8ECD-75CD69718E66}"/>
          </ac:grpSpMkLst>
        </pc:grpChg>
        <pc:grpChg chg="add">
          <ac:chgData name="David Lindero" userId="99e779fe-8d8e-44db-9ba6-c59f9563b2fa" providerId="ADAL" clId="{725E150F-BFE4-3B40-A586-85058906F51A}" dt="2021-06-08T11:09:27.974" v="483"/>
          <ac:grpSpMkLst>
            <pc:docMk/>
            <pc:sldMk cId="1686217449" sldId="273"/>
            <ac:grpSpMk id="87" creationId="{9A1EB648-9220-8A44-8625-1232E08ACFD2}"/>
          </ac:grpSpMkLst>
        </pc:grpChg>
        <pc:grpChg chg="add">
          <ac:chgData name="David Lindero" userId="99e779fe-8d8e-44db-9ba6-c59f9563b2fa" providerId="ADAL" clId="{725E150F-BFE4-3B40-A586-85058906F51A}" dt="2021-06-08T11:16:15.452" v="500"/>
          <ac:grpSpMkLst>
            <pc:docMk/>
            <pc:sldMk cId="1686217449" sldId="273"/>
            <ac:grpSpMk id="90" creationId="{D4658BC5-63A4-6E49-9196-006A9E8465E5}"/>
          </ac:grpSpMkLst>
        </pc:grpChg>
        <pc:grpChg chg="add del">
          <ac:chgData name="David Lindero" userId="99e779fe-8d8e-44db-9ba6-c59f9563b2fa" providerId="ADAL" clId="{725E150F-BFE4-3B40-A586-85058906F51A}" dt="2021-06-08T08:52:16.270" v="100"/>
          <ac:grpSpMkLst>
            <pc:docMk/>
            <pc:sldMk cId="1686217449" sldId="273"/>
            <ac:grpSpMk id="91" creationId="{945B3215-EDE4-074E-80FE-5CF08327D0FC}"/>
          </ac:grpSpMkLst>
        </pc:grpChg>
        <pc:grpChg chg="add del">
          <ac:chgData name="David Lindero" userId="99e779fe-8d8e-44db-9ba6-c59f9563b2fa" providerId="ADAL" clId="{725E150F-BFE4-3B40-A586-85058906F51A}" dt="2021-06-08T08:52:21.113" v="107"/>
          <ac:grpSpMkLst>
            <pc:docMk/>
            <pc:sldMk cId="1686217449" sldId="273"/>
            <ac:grpSpMk id="93" creationId="{6923F8D4-989B-1345-B7D7-043C499A6550}"/>
          </ac:grpSpMkLst>
        </pc:grpChg>
        <pc:grpChg chg="add">
          <ac:chgData name="David Lindero" userId="99e779fe-8d8e-44db-9ba6-c59f9563b2fa" providerId="ADAL" clId="{725E150F-BFE4-3B40-A586-85058906F51A}" dt="2021-06-08T11:16:18.487" v="505"/>
          <ac:grpSpMkLst>
            <pc:docMk/>
            <pc:sldMk cId="1686217449" sldId="273"/>
            <ac:grpSpMk id="95" creationId="{33A06C8C-6F31-DA47-AE29-A606F5EE2DA6}"/>
          </ac:grpSpMkLst>
        </pc:grpChg>
        <pc:grpChg chg="add del">
          <ac:chgData name="David Lindero" userId="99e779fe-8d8e-44db-9ba6-c59f9563b2fa" providerId="ADAL" clId="{725E150F-BFE4-3B40-A586-85058906F51A}" dt="2021-06-08T08:52:33.249" v="123"/>
          <ac:grpSpMkLst>
            <pc:docMk/>
            <pc:sldMk cId="1686217449" sldId="273"/>
            <ac:grpSpMk id="97" creationId="{F13A9B91-76A8-854E-8CD7-0B1AEA5CD451}"/>
          </ac:grpSpMkLst>
        </pc:grpChg>
        <pc:grpChg chg="add del">
          <ac:chgData name="David Lindero" userId="99e779fe-8d8e-44db-9ba6-c59f9563b2fa" providerId="ADAL" clId="{725E150F-BFE4-3B40-A586-85058906F51A}" dt="2021-06-08T11:16:25.700" v="513"/>
          <ac:grpSpMkLst>
            <pc:docMk/>
            <pc:sldMk cId="1686217449" sldId="273"/>
            <ac:grpSpMk id="98" creationId="{10432292-E38A-0841-BF2B-CAB8941663B0}"/>
          </ac:grpSpMkLst>
        </pc:grpChg>
        <pc:grpChg chg="add del">
          <ac:chgData name="David Lindero" userId="99e779fe-8d8e-44db-9ba6-c59f9563b2fa" providerId="ADAL" clId="{725E150F-BFE4-3B40-A586-85058906F51A}" dt="2021-06-08T11:16:42.347" v="526"/>
          <ac:grpSpMkLst>
            <pc:docMk/>
            <pc:sldMk cId="1686217449" sldId="273"/>
            <ac:grpSpMk id="103" creationId="{C7B99D28-15AD-864D-8D3F-6DE5D3D522D9}"/>
          </ac:grpSpMkLst>
        </pc:grpChg>
        <pc:grpChg chg="add del">
          <ac:chgData name="David Lindero" userId="99e779fe-8d8e-44db-9ba6-c59f9563b2fa" providerId="ADAL" clId="{725E150F-BFE4-3B40-A586-85058906F51A}" dt="2021-06-08T08:52:49.141" v="139"/>
          <ac:grpSpMkLst>
            <pc:docMk/>
            <pc:sldMk cId="1686217449" sldId="273"/>
            <ac:grpSpMk id="109" creationId="{A49DC833-D584-274D-81E0-75DBD74EF8CC}"/>
          </ac:grpSpMkLst>
        </pc:grpChg>
        <pc:grpChg chg="add del">
          <ac:chgData name="David Lindero" userId="99e779fe-8d8e-44db-9ba6-c59f9563b2fa" providerId="ADAL" clId="{725E150F-BFE4-3B40-A586-85058906F51A}" dt="2021-06-08T08:53:10.311" v="158"/>
          <ac:grpSpMkLst>
            <pc:docMk/>
            <pc:sldMk cId="1686217449" sldId="273"/>
            <ac:grpSpMk id="112" creationId="{289AB3AA-AD4D-A841-A8B5-84B7850B8E8D}"/>
          </ac:grpSpMkLst>
        </pc:grpChg>
        <pc:grpChg chg="add del">
          <ac:chgData name="David Lindero" userId="99e779fe-8d8e-44db-9ba6-c59f9563b2fa" providerId="ADAL" clId="{725E150F-BFE4-3B40-A586-85058906F51A}" dt="2021-06-08T08:53:16.146" v="166"/>
          <ac:grpSpMkLst>
            <pc:docMk/>
            <pc:sldMk cId="1686217449" sldId="273"/>
            <ac:grpSpMk id="118" creationId="{7A773901-3614-904A-BD13-3981B1730D05}"/>
          </ac:grpSpMkLst>
        </pc:grpChg>
        <pc:grpChg chg="add del">
          <ac:chgData name="David Lindero" userId="99e779fe-8d8e-44db-9ba6-c59f9563b2fa" providerId="ADAL" clId="{725E150F-BFE4-3B40-A586-85058906F51A}" dt="2021-06-08T08:53:16.146" v="166"/>
          <ac:grpSpMkLst>
            <pc:docMk/>
            <pc:sldMk cId="1686217449" sldId="273"/>
            <ac:grpSpMk id="122" creationId="{261BBED5-17BB-6844-B906-388CBB03415C}"/>
          </ac:grpSpMkLst>
        </pc:grpChg>
        <pc:grpChg chg="add del">
          <ac:chgData name="David Lindero" userId="99e779fe-8d8e-44db-9ba6-c59f9563b2fa" providerId="ADAL" clId="{725E150F-BFE4-3B40-A586-85058906F51A}" dt="2021-06-08T08:53:17.347" v="169"/>
          <ac:grpSpMkLst>
            <pc:docMk/>
            <pc:sldMk cId="1686217449" sldId="273"/>
            <ac:grpSpMk id="126" creationId="{165D371E-9A69-7E4A-93E3-705AC4900897}"/>
          </ac:grpSpMkLst>
        </pc:grpChg>
        <pc:grpChg chg="add del">
          <ac:chgData name="David Lindero" userId="99e779fe-8d8e-44db-9ba6-c59f9563b2fa" providerId="ADAL" clId="{725E150F-BFE4-3B40-A586-85058906F51A}" dt="2021-06-08T08:53:27.146" v="184"/>
          <ac:grpSpMkLst>
            <pc:docMk/>
            <pc:sldMk cId="1686217449" sldId="273"/>
            <ac:grpSpMk id="129" creationId="{86390179-1DCE-494A-B41D-4D0F1E0DBD38}"/>
          </ac:grpSpMkLst>
        </pc:grpChg>
        <pc:grpChg chg="add del">
          <ac:chgData name="David Lindero" userId="99e779fe-8d8e-44db-9ba6-c59f9563b2fa" providerId="ADAL" clId="{725E150F-BFE4-3B40-A586-85058906F51A}" dt="2021-06-08T11:16:42.347" v="526"/>
          <ac:grpSpMkLst>
            <pc:docMk/>
            <pc:sldMk cId="1686217449" sldId="273"/>
            <ac:grpSpMk id="134" creationId="{C5D49ECD-8BE5-5440-9CB8-7C8AA437BABB}"/>
          </ac:grpSpMkLst>
        </pc:grpChg>
        <pc:grpChg chg="add del">
          <ac:chgData name="David Lindero" userId="99e779fe-8d8e-44db-9ba6-c59f9563b2fa" providerId="ADAL" clId="{725E150F-BFE4-3B40-A586-85058906F51A}" dt="2021-06-08T08:53:21.446" v="176"/>
          <ac:grpSpMkLst>
            <pc:docMk/>
            <pc:sldMk cId="1686217449" sldId="273"/>
            <ac:grpSpMk id="135" creationId="{49CF42DC-6B5A-724C-AFBE-A46CCDC36495}"/>
          </ac:grpSpMkLst>
        </pc:grpChg>
        <pc:grpChg chg="add del">
          <ac:chgData name="David Lindero" userId="99e779fe-8d8e-44db-9ba6-c59f9563b2fa" providerId="ADAL" clId="{725E150F-BFE4-3B40-A586-85058906F51A}" dt="2021-06-08T08:53:31.975" v="193"/>
          <ac:grpSpMkLst>
            <pc:docMk/>
            <pc:sldMk cId="1686217449" sldId="273"/>
            <ac:grpSpMk id="138" creationId="{0BAC36A8-DEBC-6E4A-BF1B-AD90BAC1EEBA}"/>
          </ac:grpSpMkLst>
        </pc:grpChg>
        <pc:grpChg chg="add del">
          <ac:chgData name="David Lindero" userId="99e779fe-8d8e-44db-9ba6-c59f9563b2fa" providerId="ADAL" clId="{725E150F-BFE4-3B40-A586-85058906F51A}" dt="2021-06-08T08:53:31.975" v="193"/>
          <ac:grpSpMkLst>
            <pc:docMk/>
            <pc:sldMk cId="1686217449" sldId="273"/>
            <ac:grpSpMk id="143" creationId="{725AD346-7070-5044-918F-03B799611D56}"/>
          </ac:grpSpMkLst>
        </pc:grpChg>
        <pc:grpChg chg="add mod">
          <ac:chgData name="David Lindero" userId="99e779fe-8d8e-44db-9ba6-c59f9563b2fa" providerId="ADAL" clId="{725E150F-BFE4-3B40-A586-85058906F51A}" dt="2021-06-08T08:54:18.022" v="226" actId="1076"/>
          <ac:grpSpMkLst>
            <pc:docMk/>
            <pc:sldMk cId="1686217449" sldId="273"/>
            <ac:grpSpMk id="152" creationId="{76CBADBE-A274-9E44-9202-8EF91840C7CB}"/>
          </ac:grpSpMkLst>
        </pc:grpChg>
        <pc:grpChg chg="add del">
          <ac:chgData name="David Lindero" userId="99e779fe-8d8e-44db-9ba6-c59f9563b2fa" providerId="ADAL" clId="{725E150F-BFE4-3B40-A586-85058906F51A}" dt="2021-06-08T11:16:55.002" v="542"/>
          <ac:grpSpMkLst>
            <pc:docMk/>
            <pc:sldMk cId="1686217449" sldId="273"/>
            <ac:grpSpMk id="164" creationId="{8DBAF52C-625A-BE41-AA6C-431CE2282EA4}"/>
          </ac:grpSpMkLst>
        </pc:grpChg>
        <pc:grpChg chg="add del">
          <ac:chgData name="David Lindero" userId="99e779fe-8d8e-44db-9ba6-c59f9563b2fa" providerId="ADAL" clId="{725E150F-BFE4-3B40-A586-85058906F51A}" dt="2021-06-08T08:53:57.301" v="207"/>
          <ac:grpSpMkLst>
            <pc:docMk/>
            <pc:sldMk cId="1686217449" sldId="273"/>
            <ac:grpSpMk id="165" creationId="{4104C8CB-0828-D640-8A6B-CF01F8A2DA8A}"/>
          </ac:grpSpMkLst>
        </pc:grpChg>
        <pc:grpChg chg="add">
          <ac:chgData name="David Lindero" userId="99e779fe-8d8e-44db-9ba6-c59f9563b2fa" providerId="ADAL" clId="{725E150F-BFE4-3B40-A586-85058906F51A}" dt="2021-06-08T08:54:00.948" v="212"/>
          <ac:grpSpMkLst>
            <pc:docMk/>
            <pc:sldMk cId="1686217449" sldId="273"/>
            <ac:grpSpMk id="170" creationId="{656AE516-D5FD-C146-A5B2-6086D56D7DAB}"/>
          </ac:grpSpMkLst>
        </pc:grpChg>
        <pc:grpChg chg="add">
          <ac:chgData name="David Lindero" userId="99e779fe-8d8e-44db-9ba6-c59f9563b2fa" providerId="ADAL" clId="{725E150F-BFE4-3B40-A586-85058906F51A}" dt="2021-06-08T08:54:11.373" v="224"/>
          <ac:grpSpMkLst>
            <pc:docMk/>
            <pc:sldMk cId="1686217449" sldId="273"/>
            <ac:grpSpMk id="182" creationId="{3580A347-2989-7F41-B6C8-C1BC888ED162}"/>
          </ac:grpSpMkLst>
        </pc:grpChg>
        <pc:grpChg chg="add del">
          <ac:chgData name="David Lindero" userId="99e779fe-8d8e-44db-9ba6-c59f9563b2fa" providerId="ADAL" clId="{725E150F-BFE4-3B40-A586-85058906F51A}" dt="2021-06-08T11:16:59.176" v="550"/>
          <ac:grpSpMkLst>
            <pc:docMk/>
            <pc:sldMk cId="1686217449" sldId="273"/>
            <ac:grpSpMk id="187" creationId="{4C715989-2CF8-4B42-AAC8-EAA0396FA68D}"/>
          </ac:grpSpMkLst>
        </pc:grpChg>
        <pc:grpChg chg="add del">
          <ac:chgData name="David Lindero" userId="99e779fe-8d8e-44db-9ba6-c59f9563b2fa" providerId="ADAL" clId="{725E150F-BFE4-3B40-A586-85058906F51A}" dt="2021-06-08T08:54:45.706" v="236"/>
          <ac:grpSpMkLst>
            <pc:docMk/>
            <pc:sldMk cId="1686217449" sldId="273"/>
            <ac:grpSpMk id="187" creationId="{BF4F6994-38F1-7749-8E1D-429697A9FD93}"/>
          </ac:grpSpMkLst>
        </pc:grpChg>
        <pc:grpChg chg="add del">
          <ac:chgData name="David Lindero" userId="99e779fe-8d8e-44db-9ba6-c59f9563b2fa" providerId="ADAL" clId="{725E150F-BFE4-3B40-A586-85058906F51A}" dt="2021-06-08T08:56:32.030" v="292"/>
          <ac:grpSpMkLst>
            <pc:docMk/>
            <pc:sldMk cId="1686217449" sldId="273"/>
            <ac:grpSpMk id="192" creationId="{CAF23F61-EB15-B540-9A0A-06D4C07D18FD}"/>
          </ac:grpSpMkLst>
        </pc:grpChg>
        <pc:grpChg chg="add del">
          <ac:chgData name="David Lindero" userId="99e779fe-8d8e-44db-9ba6-c59f9563b2fa" providerId="ADAL" clId="{725E150F-BFE4-3B40-A586-85058906F51A}" dt="2021-06-08T08:55:52.072" v="257"/>
          <ac:grpSpMkLst>
            <pc:docMk/>
            <pc:sldMk cId="1686217449" sldId="273"/>
            <ac:grpSpMk id="199" creationId="{B14EE560-A675-7D45-8718-D54A49574E22}"/>
          </ac:grpSpMkLst>
        </pc:grpChg>
        <pc:grpChg chg="add">
          <ac:chgData name="David Lindero" userId="99e779fe-8d8e-44db-9ba6-c59f9563b2fa" providerId="ADAL" clId="{725E150F-BFE4-3B40-A586-85058906F51A}" dt="2021-06-08T08:55:52.072" v="257"/>
          <ac:grpSpMkLst>
            <pc:docMk/>
            <pc:sldMk cId="1686217449" sldId="273"/>
            <ac:grpSpMk id="204" creationId="{A812193A-290D-B646-87AE-77701635655E}"/>
          </ac:grpSpMkLst>
        </pc:grpChg>
        <pc:grpChg chg="add del">
          <ac:chgData name="David Lindero" userId="99e779fe-8d8e-44db-9ba6-c59f9563b2fa" providerId="ADAL" clId="{725E150F-BFE4-3B40-A586-85058906F51A}" dt="2021-06-08T08:56:11.825" v="282"/>
          <ac:grpSpMkLst>
            <pc:docMk/>
            <pc:sldMk cId="1686217449" sldId="273"/>
            <ac:grpSpMk id="209" creationId="{85F952A5-167A-5B41-9CCC-3F6B4958200E}"/>
          </ac:grpSpMkLst>
        </pc:grpChg>
        <pc:grpChg chg="add del">
          <ac:chgData name="David Lindero" userId="99e779fe-8d8e-44db-9ba6-c59f9563b2fa" providerId="ADAL" clId="{725E150F-BFE4-3B40-A586-85058906F51A}" dt="2021-06-08T08:56:35.175" v="295"/>
          <ac:grpSpMkLst>
            <pc:docMk/>
            <pc:sldMk cId="1686217449" sldId="273"/>
            <ac:grpSpMk id="225" creationId="{C6F6829F-4182-244D-8FFD-AC260B860E4C}"/>
          </ac:grpSpMkLst>
        </pc:grpChg>
        <pc:grpChg chg="add">
          <ac:chgData name="David Lindero" userId="99e779fe-8d8e-44db-9ba6-c59f9563b2fa" providerId="ADAL" clId="{725E150F-BFE4-3B40-A586-85058906F51A}" dt="2021-06-08T11:16:59.176" v="550"/>
          <ac:grpSpMkLst>
            <pc:docMk/>
            <pc:sldMk cId="1686217449" sldId="273"/>
            <ac:grpSpMk id="227" creationId="{06EB821F-7010-5C4E-8A31-E6AA60735E25}"/>
          </ac:grpSpMkLst>
        </pc:grpChg>
        <pc:grpChg chg="add del">
          <ac:chgData name="David Lindero" userId="99e779fe-8d8e-44db-9ba6-c59f9563b2fa" providerId="ADAL" clId="{725E150F-BFE4-3B40-A586-85058906F51A}" dt="2021-06-08T08:56:35.175" v="295"/>
          <ac:grpSpMkLst>
            <pc:docMk/>
            <pc:sldMk cId="1686217449" sldId="273"/>
            <ac:grpSpMk id="227" creationId="{FDF3FA10-7CF7-464A-BC26-105A2DF70FE4}"/>
          </ac:grpSpMkLst>
        </pc:grpChg>
        <pc:grpChg chg="add del">
          <ac:chgData name="David Lindero" userId="99e779fe-8d8e-44db-9ba6-c59f9563b2fa" providerId="ADAL" clId="{725E150F-BFE4-3B40-A586-85058906F51A}" dt="2021-06-08T09:13:53.013" v="309"/>
          <ac:grpSpMkLst>
            <pc:docMk/>
            <pc:sldMk cId="1686217449" sldId="273"/>
            <ac:grpSpMk id="233" creationId="{713EDA05-5C7F-2141-9B7B-4E80AD76CBFF}"/>
          </ac:grpSpMkLst>
        </pc:grpChg>
        <pc:grpChg chg="add del">
          <ac:chgData name="David Lindero" userId="99e779fe-8d8e-44db-9ba6-c59f9563b2fa" providerId="ADAL" clId="{725E150F-BFE4-3B40-A586-85058906F51A}" dt="2021-06-08T09:13:52.701" v="308"/>
          <ac:grpSpMkLst>
            <pc:docMk/>
            <pc:sldMk cId="1686217449" sldId="273"/>
            <ac:grpSpMk id="235" creationId="{A28B85A7-93EE-FA4A-A436-F09B05948F4C}"/>
          </ac:grpSpMkLst>
        </pc:grpChg>
        <pc:grpChg chg="add del">
          <ac:chgData name="David Lindero" userId="99e779fe-8d8e-44db-9ba6-c59f9563b2fa" providerId="ADAL" clId="{725E150F-BFE4-3B40-A586-85058906F51A}" dt="2021-06-08T09:14:02.074" v="317"/>
          <ac:grpSpMkLst>
            <pc:docMk/>
            <pc:sldMk cId="1686217449" sldId="273"/>
            <ac:grpSpMk id="238" creationId="{D69A4001-5082-254D-A277-B1071D19C902}"/>
          </ac:grpSpMkLst>
        </pc:grpChg>
        <pc:grpChg chg="add del">
          <ac:chgData name="David Lindero" userId="99e779fe-8d8e-44db-9ba6-c59f9563b2fa" providerId="ADAL" clId="{725E150F-BFE4-3B40-A586-85058906F51A}" dt="2021-06-08T09:14:05.098" v="321"/>
          <ac:grpSpMkLst>
            <pc:docMk/>
            <pc:sldMk cId="1686217449" sldId="273"/>
            <ac:grpSpMk id="242" creationId="{7F592BAE-816E-EF42-96B3-03F97FC9EDD6}"/>
          </ac:grpSpMkLst>
        </pc:grpChg>
        <pc:grpChg chg="add del mod">
          <ac:chgData name="David Lindero" userId="99e779fe-8d8e-44db-9ba6-c59f9563b2fa" providerId="ADAL" clId="{725E150F-BFE4-3B40-A586-85058906F51A}" dt="2021-06-08T09:17:12.784" v="363"/>
          <ac:grpSpMkLst>
            <pc:docMk/>
            <pc:sldMk cId="1686217449" sldId="273"/>
            <ac:grpSpMk id="246" creationId="{0B398FC5-798B-0249-8C58-A52B6DF0A053}"/>
          </ac:grpSpMkLst>
        </pc:grpChg>
        <pc:grpChg chg="add del mod">
          <ac:chgData name="David Lindero" userId="99e779fe-8d8e-44db-9ba6-c59f9563b2fa" providerId="ADAL" clId="{725E150F-BFE4-3B40-A586-85058906F51A}" dt="2021-06-08T09:17:12.786" v="364"/>
          <ac:grpSpMkLst>
            <pc:docMk/>
            <pc:sldMk cId="1686217449" sldId="273"/>
            <ac:grpSpMk id="253" creationId="{933BBAA1-FA11-5140-B352-EBF7FD2F97CA}"/>
          </ac:grpSpMkLst>
        </pc:grpChg>
        <pc:grpChg chg="add del">
          <ac:chgData name="David Lindero" userId="99e779fe-8d8e-44db-9ba6-c59f9563b2fa" providerId="ADAL" clId="{725E150F-BFE4-3B40-A586-85058906F51A}" dt="2021-06-08T09:14:23.245" v="332"/>
          <ac:grpSpMkLst>
            <pc:docMk/>
            <pc:sldMk cId="1686217449" sldId="273"/>
            <ac:grpSpMk id="256" creationId="{1173D188-813B-6C4D-BB7E-B8FE5B8544BE}"/>
          </ac:grpSpMkLst>
        </pc:grpChg>
        <pc:grpChg chg="add del">
          <ac:chgData name="David Lindero" userId="99e779fe-8d8e-44db-9ba6-c59f9563b2fa" providerId="ADAL" clId="{725E150F-BFE4-3B40-A586-85058906F51A}" dt="2021-06-08T09:18:06.975" v="397"/>
          <ac:grpSpMkLst>
            <pc:docMk/>
            <pc:sldMk cId="1686217449" sldId="273"/>
            <ac:grpSpMk id="264" creationId="{C7978EB1-8B13-7642-B0D9-4A6F2461B1E8}"/>
          </ac:grpSpMkLst>
        </pc:grpChg>
        <pc:grpChg chg="add del">
          <ac:chgData name="David Lindero" userId="99e779fe-8d8e-44db-9ba6-c59f9563b2fa" providerId="ADAL" clId="{725E150F-BFE4-3B40-A586-85058906F51A}" dt="2021-06-08T09:17:33.333" v="374"/>
          <ac:grpSpMkLst>
            <pc:docMk/>
            <pc:sldMk cId="1686217449" sldId="273"/>
            <ac:grpSpMk id="268" creationId="{D22A421B-E06E-8045-80C0-18859797D5D5}"/>
          </ac:grpSpMkLst>
        </pc:grpChg>
        <pc:grpChg chg="add del">
          <ac:chgData name="David Lindero" userId="99e779fe-8d8e-44db-9ba6-c59f9563b2fa" providerId="ADAL" clId="{725E150F-BFE4-3B40-A586-85058906F51A}" dt="2021-06-08T09:17:58.268" v="387"/>
          <ac:grpSpMkLst>
            <pc:docMk/>
            <pc:sldMk cId="1686217449" sldId="273"/>
            <ac:grpSpMk id="272" creationId="{65A39649-A089-274A-B2C6-97FF20A65CC4}"/>
          </ac:grpSpMkLst>
        </pc:grpChg>
        <pc:grpChg chg="add del">
          <ac:chgData name="David Lindero" userId="99e779fe-8d8e-44db-9ba6-c59f9563b2fa" providerId="ADAL" clId="{725E150F-BFE4-3B40-A586-85058906F51A}" dt="2021-06-08T09:17:36.868" v="378"/>
          <ac:grpSpMkLst>
            <pc:docMk/>
            <pc:sldMk cId="1686217449" sldId="273"/>
            <ac:grpSpMk id="275" creationId="{9FAA6BC6-CFD0-AB4E-B571-DE8EACD5BA4B}"/>
          </ac:grpSpMkLst>
        </pc:grpChg>
        <pc:grpChg chg="add del">
          <ac:chgData name="David Lindero" userId="99e779fe-8d8e-44db-9ba6-c59f9563b2fa" providerId="ADAL" clId="{725E150F-BFE4-3B40-A586-85058906F51A}" dt="2021-06-08T09:17:54.217" v="384"/>
          <ac:grpSpMkLst>
            <pc:docMk/>
            <pc:sldMk cId="1686217449" sldId="273"/>
            <ac:grpSpMk id="279" creationId="{598358B8-8C70-8049-AFC7-3749FA66BA32}"/>
          </ac:grpSpMkLst>
        </pc:grpChg>
        <pc:grpChg chg="add del">
          <ac:chgData name="David Lindero" userId="99e779fe-8d8e-44db-9ba6-c59f9563b2fa" providerId="ADAL" clId="{725E150F-BFE4-3B40-A586-85058906F51A}" dt="2021-06-08T09:17:59.601" v="389"/>
          <ac:grpSpMkLst>
            <pc:docMk/>
            <pc:sldMk cId="1686217449" sldId="273"/>
            <ac:grpSpMk id="281" creationId="{3F20EFCE-640D-A346-A761-40B7D5E0DCBC}"/>
          </ac:grpSpMkLst>
        </pc:grpChg>
        <pc:grpChg chg="add del">
          <ac:chgData name="David Lindero" userId="99e779fe-8d8e-44db-9ba6-c59f9563b2fa" providerId="ADAL" clId="{725E150F-BFE4-3B40-A586-85058906F51A}" dt="2021-06-08T09:18:03.791" v="391"/>
          <ac:grpSpMkLst>
            <pc:docMk/>
            <pc:sldMk cId="1686217449" sldId="273"/>
            <ac:grpSpMk id="283" creationId="{C74ACB39-0D94-4344-83C7-6528167D3858}"/>
          </ac:grpSpMkLst>
        </pc:grpChg>
        <pc:grpChg chg="add del">
          <ac:chgData name="David Lindero" userId="99e779fe-8d8e-44db-9ba6-c59f9563b2fa" providerId="ADAL" clId="{725E150F-BFE4-3B40-A586-85058906F51A}" dt="2021-06-08T09:18:06.975" v="397"/>
          <ac:grpSpMkLst>
            <pc:docMk/>
            <pc:sldMk cId="1686217449" sldId="273"/>
            <ac:grpSpMk id="285" creationId="{A066F9B3-CCAA-AD40-9534-15D6246CAAED}"/>
          </ac:grpSpMkLst>
        </pc:grpChg>
        <pc:grpChg chg="add">
          <ac:chgData name="David Lindero" userId="99e779fe-8d8e-44db-9ba6-c59f9563b2fa" providerId="ADAL" clId="{725E150F-BFE4-3B40-A586-85058906F51A}" dt="2021-06-08T09:18:06.975" v="397"/>
          <ac:grpSpMkLst>
            <pc:docMk/>
            <pc:sldMk cId="1686217449" sldId="273"/>
            <ac:grpSpMk id="291" creationId="{B2A26BF2-7311-294F-99C8-6C18CBF64CDF}"/>
          </ac:grpSpMkLst>
        </pc:grpChg>
        <pc:picChg chg="mod">
          <ac:chgData name="David Lindero" userId="99e779fe-8d8e-44db-9ba6-c59f9563b2fa" providerId="ADAL" clId="{725E150F-BFE4-3B40-A586-85058906F51A}" dt="2021-06-08T09:12:14.824" v="302" actId="1076"/>
          <ac:picMkLst>
            <pc:docMk/>
            <pc:sldMk cId="1686217449" sldId="273"/>
            <ac:picMk id="7" creationId="{1099308A-157C-B247-B5EC-A02691AFCD77}"/>
          </ac:picMkLst>
        </pc:picChg>
        <pc:picChg chg="mod">
          <ac:chgData name="David Lindero" userId="99e779fe-8d8e-44db-9ba6-c59f9563b2fa" providerId="ADAL" clId="{725E150F-BFE4-3B40-A586-85058906F51A}" dt="2021-06-08T09:15:35.973" v="341" actId="1076"/>
          <ac:picMkLst>
            <pc:docMk/>
            <pc:sldMk cId="1686217449" sldId="273"/>
            <ac:picMk id="10" creationId="{EF5A341B-0BCB-4E4A-A838-1251956ABE96}"/>
          </ac:picMkLst>
        </pc:picChg>
        <pc:inkChg chg="add del">
          <ac:chgData name="David Lindero" userId="99e779fe-8d8e-44db-9ba6-c59f9563b2fa" providerId="ADAL" clId="{725E150F-BFE4-3B40-A586-85058906F51A}" dt="2021-06-08T08:46:44.213" v="1"/>
          <ac:inkMkLst>
            <pc:docMk/>
            <pc:sldMk cId="1686217449" sldId="273"/>
            <ac:inkMk id="2" creationId="{7BA825F0-1715-BB42-A88E-1F01E817044A}"/>
          </ac:inkMkLst>
        </pc:inkChg>
        <pc:inkChg chg="add del topLvl">
          <ac:chgData name="David Lindero" userId="99e779fe-8d8e-44db-9ba6-c59f9563b2fa" providerId="ADAL" clId="{725E150F-BFE4-3B40-A586-85058906F51A}" dt="2021-06-08T11:07:14.635" v="456"/>
          <ac:inkMkLst>
            <pc:docMk/>
            <pc:sldMk cId="1686217449" sldId="273"/>
            <ac:inkMk id="3" creationId="{1DD447F7-2C3C-7341-BD50-6B2CCED21BEF}"/>
          </ac:inkMkLst>
        </pc:inkChg>
        <pc:inkChg chg="add del">
          <ac:chgData name="David Lindero" userId="99e779fe-8d8e-44db-9ba6-c59f9563b2fa" providerId="ADAL" clId="{725E150F-BFE4-3B40-A586-85058906F51A}" dt="2021-06-08T08:47:07.024" v="3"/>
          <ac:inkMkLst>
            <pc:docMk/>
            <pc:sldMk cId="1686217449" sldId="273"/>
            <ac:inkMk id="3" creationId="{282E1FAB-1776-5043-A5E4-386138FB267E}"/>
          </ac:inkMkLst>
        </pc:inkChg>
        <pc:inkChg chg="add topLvl">
          <ac:chgData name="David Lindero" userId="99e779fe-8d8e-44db-9ba6-c59f9563b2fa" providerId="ADAL" clId="{725E150F-BFE4-3B40-A586-85058906F51A}" dt="2021-06-08T08:56:11.825" v="282"/>
          <ac:inkMkLst>
            <pc:docMk/>
            <pc:sldMk cId="1686217449" sldId="273"/>
            <ac:inkMk id="3" creationId="{7C6C0BC2-4F0A-7F49-8C28-7CD4BE29EEFF}"/>
          </ac:inkMkLst>
        </pc:inkChg>
        <pc:inkChg chg="add del topLvl">
          <ac:chgData name="David Lindero" userId="99e779fe-8d8e-44db-9ba6-c59f9563b2fa" providerId="ADAL" clId="{725E150F-BFE4-3B40-A586-85058906F51A}" dt="2021-06-08T11:15:50.658" v="491"/>
          <ac:inkMkLst>
            <pc:docMk/>
            <pc:sldMk cId="1686217449" sldId="273"/>
            <ac:inkMk id="3" creationId="{7EC47F43-BA5F-9E4D-9182-E153CBA1E9F8}"/>
          </ac:inkMkLst>
        </pc:inkChg>
        <pc:inkChg chg="add del topLvl">
          <ac:chgData name="David Lindero" userId="99e779fe-8d8e-44db-9ba6-c59f9563b2fa" providerId="ADAL" clId="{725E150F-BFE4-3B40-A586-85058906F51A}" dt="2021-06-08T10:56:53.310" v="402"/>
          <ac:inkMkLst>
            <pc:docMk/>
            <pc:sldMk cId="1686217449" sldId="273"/>
            <ac:inkMk id="3" creationId="{EAEB08D4-56AC-6C41-9339-D77B8AA35D5B}"/>
          </ac:inkMkLst>
        </pc:inkChg>
        <pc:inkChg chg="add">
          <ac:chgData name="David Lindero" userId="99e779fe-8d8e-44db-9ba6-c59f9563b2fa" providerId="ADAL" clId="{725E150F-BFE4-3B40-A586-85058906F51A}" dt="2021-06-08T08:47:24.954" v="4"/>
          <ac:inkMkLst>
            <pc:docMk/>
            <pc:sldMk cId="1686217449" sldId="273"/>
            <ac:inkMk id="5" creationId="{B6E74049-E15E-5644-966E-E8CE6633271F}"/>
          </ac:inkMkLst>
        </pc:inkChg>
        <pc:inkChg chg="add">
          <ac:chgData name="David Lindero" userId="99e779fe-8d8e-44db-9ba6-c59f9563b2fa" providerId="ADAL" clId="{725E150F-BFE4-3B40-A586-85058906F51A}" dt="2021-06-08T08:47:27.735" v="5"/>
          <ac:inkMkLst>
            <pc:docMk/>
            <pc:sldMk cId="1686217449" sldId="273"/>
            <ac:inkMk id="8" creationId="{52BE2387-53D0-1443-872D-066D2F2F8487}"/>
          </ac:inkMkLst>
        </pc:inkChg>
        <pc:inkChg chg="add del">
          <ac:chgData name="David Lindero" userId="99e779fe-8d8e-44db-9ba6-c59f9563b2fa" providerId="ADAL" clId="{725E150F-BFE4-3B40-A586-85058906F51A}" dt="2021-06-08T11:08:30.619" v="469"/>
          <ac:inkMkLst>
            <pc:docMk/>
            <pc:sldMk cId="1686217449" sldId="273"/>
            <ac:inkMk id="12" creationId="{0DFC7309-65B7-FE4B-AB96-7CDD06B67E39}"/>
          </ac:inkMkLst>
        </pc:inkChg>
        <pc:inkChg chg="add del topLvl">
          <ac:chgData name="David Lindero" userId="99e779fe-8d8e-44db-9ba6-c59f9563b2fa" providerId="ADAL" clId="{725E150F-BFE4-3B40-A586-85058906F51A}" dt="2021-06-08T11:15:50.246" v="490"/>
          <ac:inkMkLst>
            <pc:docMk/>
            <pc:sldMk cId="1686217449" sldId="273"/>
            <ac:inkMk id="12" creationId="{9FC4CF03-9CFC-BF4E-909E-59717D9FE299}"/>
          </ac:inkMkLst>
        </pc:inkChg>
        <pc:inkChg chg="add del">
          <ac:chgData name="David Lindero" userId="99e779fe-8d8e-44db-9ba6-c59f9563b2fa" providerId="ADAL" clId="{725E150F-BFE4-3B40-A586-85058906F51A}" dt="2021-06-08T11:08:58.193" v="473"/>
          <ac:inkMkLst>
            <pc:docMk/>
            <pc:sldMk cId="1686217449" sldId="273"/>
            <ac:inkMk id="13" creationId="{C77C3ADD-2EA8-8343-A201-2D9836C9C278}"/>
          </ac:inkMkLst>
        </pc:inkChg>
        <pc:inkChg chg="add del topLvl">
          <ac:chgData name="David Lindero" userId="99e779fe-8d8e-44db-9ba6-c59f9563b2fa" providerId="ADAL" clId="{725E150F-BFE4-3B40-A586-85058906F51A}" dt="2021-06-08T10:56:52.252" v="401"/>
          <ac:inkMkLst>
            <pc:docMk/>
            <pc:sldMk cId="1686217449" sldId="273"/>
            <ac:inkMk id="14" creationId="{229B0E18-3074-294E-BFCB-4209DFB9E3C2}"/>
          </ac:inkMkLst>
        </pc:inkChg>
        <pc:inkChg chg="add topLvl">
          <ac:chgData name="David Lindero" userId="99e779fe-8d8e-44db-9ba6-c59f9563b2fa" providerId="ADAL" clId="{725E150F-BFE4-3B40-A586-85058906F51A}" dt="2021-06-08T11:16:15.452" v="500"/>
          <ac:inkMkLst>
            <pc:docMk/>
            <pc:sldMk cId="1686217449" sldId="273"/>
            <ac:inkMk id="14" creationId="{3F6CD48C-BDA9-D645-975D-A4CDA8AB784A}"/>
          </ac:inkMkLst>
        </pc:inkChg>
        <pc:inkChg chg="add del topLvl">
          <ac:chgData name="David Lindero" userId="99e779fe-8d8e-44db-9ba6-c59f9563b2fa" providerId="ADAL" clId="{725E150F-BFE4-3B40-A586-85058906F51A}" dt="2021-06-08T08:48:08.394" v="14"/>
          <ac:inkMkLst>
            <pc:docMk/>
            <pc:sldMk cId="1686217449" sldId="273"/>
            <ac:inkMk id="14" creationId="{7CF2E09E-6C7E-F346-B5EA-B7A023BBBFC4}"/>
          </ac:inkMkLst>
        </pc:inkChg>
        <pc:inkChg chg="add topLvl">
          <ac:chgData name="David Lindero" userId="99e779fe-8d8e-44db-9ba6-c59f9563b2fa" providerId="ADAL" clId="{725E150F-BFE4-3B40-A586-85058906F51A}" dt="2021-06-08T08:56:11.825" v="282"/>
          <ac:inkMkLst>
            <pc:docMk/>
            <pc:sldMk cId="1686217449" sldId="273"/>
            <ac:inkMk id="14" creationId="{829FA0A1-4873-9E4E-A452-23CF43B8F317}"/>
          </ac:inkMkLst>
        </pc:inkChg>
        <pc:inkChg chg="add del topLvl">
          <ac:chgData name="David Lindero" userId="99e779fe-8d8e-44db-9ba6-c59f9563b2fa" providerId="ADAL" clId="{725E150F-BFE4-3B40-A586-85058906F51A}" dt="2021-06-08T11:07:13.485" v="455"/>
          <ac:inkMkLst>
            <pc:docMk/>
            <pc:sldMk cId="1686217449" sldId="273"/>
            <ac:inkMk id="14" creationId="{87E24B82-05DC-B64E-ADC2-78810FDB0300}"/>
          </ac:inkMkLst>
        </pc:inkChg>
        <pc:inkChg chg="add del topLvl">
          <ac:chgData name="David Lindero" userId="99e779fe-8d8e-44db-9ba6-c59f9563b2fa" providerId="ADAL" clId="{725E150F-BFE4-3B40-A586-85058906F51A}" dt="2021-06-08T08:48:07.289" v="13"/>
          <ac:inkMkLst>
            <pc:docMk/>
            <pc:sldMk cId="1686217449" sldId="273"/>
            <ac:inkMk id="16" creationId="{1FC0FBFE-BF93-E44B-9A2C-768CAEF6C642}"/>
          </ac:inkMkLst>
        </pc:inkChg>
        <pc:inkChg chg="add topLvl">
          <ac:chgData name="David Lindero" userId="99e779fe-8d8e-44db-9ba6-c59f9563b2fa" providerId="ADAL" clId="{725E150F-BFE4-3B40-A586-85058906F51A}" dt="2021-06-08T11:16:15.452" v="500"/>
          <ac:inkMkLst>
            <pc:docMk/>
            <pc:sldMk cId="1686217449" sldId="273"/>
            <ac:inkMk id="16" creationId="{AF288FAF-8C3E-2849-9A8F-38FD5AB11EF0}"/>
          </ac:inkMkLst>
        </pc:inkChg>
        <pc:inkChg chg="add topLvl">
          <ac:chgData name="David Lindero" userId="99e779fe-8d8e-44db-9ba6-c59f9563b2fa" providerId="ADAL" clId="{725E150F-BFE4-3B40-A586-85058906F51A}" dt="2021-06-08T08:56:11.825" v="282"/>
          <ac:inkMkLst>
            <pc:docMk/>
            <pc:sldMk cId="1686217449" sldId="273"/>
            <ac:inkMk id="16" creationId="{B0D6D53E-17BB-7A45-94D0-8D4EBFC49B53}"/>
          </ac:inkMkLst>
        </pc:inkChg>
        <pc:inkChg chg="add del topLvl">
          <ac:chgData name="David Lindero" userId="99e779fe-8d8e-44db-9ba6-c59f9563b2fa" providerId="ADAL" clId="{725E150F-BFE4-3B40-A586-85058906F51A}" dt="2021-06-08T08:48:06.898" v="12"/>
          <ac:inkMkLst>
            <pc:docMk/>
            <pc:sldMk cId="1686217449" sldId="273"/>
            <ac:inkMk id="17" creationId="{1D6B7852-2A2B-E548-9AE3-865E6F7E4263}"/>
          </ac:inkMkLst>
        </pc:inkChg>
        <pc:inkChg chg="add del">
          <ac:chgData name="David Lindero" userId="99e779fe-8d8e-44db-9ba6-c59f9563b2fa" providerId="ADAL" clId="{725E150F-BFE4-3B40-A586-85058906F51A}" dt="2021-06-08T10:57:43.668" v="406"/>
          <ac:inkMkLst>
            <pc:docMk/>
            <pc:sldMk cId="1686217449" sldId="273"/>
            <ac:inkMk id="17" creationId="{CE4699A8-90AB-5448-A156-974B390E8D32}"/>
          </ac:inkMkLst>
        </pc:inkChg>
        <pc:inkChg chg="add topLvl">
          <ac:chgData name="David Lindero" userId="99e779fe-8d8e-44db-9ba6-c59f9563b2fa" providerId="ADAL" clId="{725E150F-BFE4-3B40-A586-85058906F51A}" dt="2021-06-08T08:56:11.825" v="282"/>
          <ac:inkMkLst>
            <pc:docMk/>
            <pc:sldMk cId="1686217449" sldId="273"/>
            <ac:inkMk id="17" creationId="{DCC5C3FD-E2F7-244E-A220-7FFE2F962FE8}"/>
          </ac:inkMkLst>
        </pc:inkChg>
        <pc:inkChg chg="add">
          <ac:chgData name="David Lindero" userId="99e779fe-8d8e-44db-9ba6-c59f9563b2fa" providerId="ADAL" clId="{725E150F-BFE4-3B40-A586-85058906F51A}" dt="2021-06-08T11:07:20.076" v="457"/>
          <ac:inkMkLst>
            <pc:docMk/>
            <pc:sldMk cId="1686217449" sldId="273"/>
            <ac:inkMk id="17" creationId="{F1F94F9C-3A72-944F-B4BF-1F9BADFAE04A}"/>
          </ac:inkMkLst>
        </pc:inkChg>
        <pc:inkChg chg="add">
          <ac:chgData name="David Lindero" userId="99e779fe-8d8e-44db-9ba6-c59f9563b2fa" providerId="ADAL" clId="{725E150F-BFE4-3B40-A586-85058906F51A}" dt="2021-06-08T08:56:08.573" v="277"/>
          <ac:inkMkLst>
            <pc:docMk/>
            <pc:sldMk cId="1686217449" sldId="273"/>
            <ac:inkMk id="18" creationId="{509BEFC3-8E42-F64D-8ECD-C073A7AB915F}"/>
          </ac:inkMkLst>
        </pc:inkChg>
        <pc:inkChg chg="add">
          <ac:chgData name="David Lindero" userId="99e779fe-8d8e-44db-9ba6-c59f9563b2fa" providerId="ADAL" clId="{725E150F-BFE4-3B40-A586-85058906F51A}" dt="2021-06-08T10:57:14.522" v="404"/>
          <ac:inkMkLst>
            <pc:docMk/>
            <pc:sldMk cId="1686217449" sldId="273"/>
            <ac:inkMk id="18" creationId="{5D42FA42-6E08-0145-91CA-6ADE9B65BE00}"/>
          </ac:inkMkLst>
        </pc:inkChg>
        <pc:inkChg chg="add">
          <ac:chgData name="David Lindero" userId="99e779fe-8d8e-44db-9ba6-c59f9563b2fa" providerId="ADAL" clId="{725E150F-BFE4-3B40-A586-85058906F51A}" dt="2021-06-08T10:57:38.795" v="405"/>
          <ac:inkMkLst>
            <pc:docMk/>
            <pc:sldMk cId="1686217449" sldId="273"/>
            <ac:inkMk id="19" creationId="{2BFE28A9-3B27-2B48-8871-961F566A8044}"/>
          </ac:inkMkLst>
        </pc:inkChg>
        <pc:inkChg chg="add">
          <ac:chgData name="David Lindero" userId="99e779fe-8d8e-44db-9ba6-c59f9563b2fa" providerId="ADAL" clId="{725E150F-BFE4-3B40-A586-85058906F51A}" dt="2021-06-08T08:56:08.938" v="278"/>
          <ac:inkMkLst>
            <pc:docMk/>
            <pc:sldMk cId="1686217449" sldId="273"/>
            <ac:inkMk id="19" creationId="{52019CB1-F1B9-654A-8AD7-A09380888841}"/>
          </ac:inkMkLst>
        </pc:inkChg>
        <pc:inkChg chg="add del topLvl">
          <ac:chgData name="David Lindero" userId="99e779fe-8d8e-44db-9ba6-c59f9563b2fa" providerId="ADAL" clId="{725E150F-BFE4-3B40-A586-85058906F51A}" dt="2021-06-08T08:55:35.659" v="238"/>
          <ac:inkMkLst>
            <pc:docMk/>
            <pc:sldMk cId="1686217449" sldId="273"/>
            <ac:inkMk id="19" creationId="{BB120603-C8E0-CE46-9EC9-D3ECE12B67EC}"/>
          </ac:inkMkLst>
        </pc:inkChg>
        <pc:inkChg chg="add">
          <ac:chgData name="David Lindero" userId="99e779fe-8d8e-44db-9ba6-c59f9563b2fa" providerId="ADAL" clId="{725E150F-BFE4-3B40-A586-85058906F51A}" dt="2021-06-08T10:57:49.904" v="407"/>
          <ac:inkMkLst>
            <pc:docMk/>
            <pc:sldMk cId="1686217449" sldId="273"/>
            <ac:inkMk id="20" creationId="{09F2EDB2-494C-9642-9E4F-78B88F7CE389}"/>
          </ac:inkMkLst>
        </pc:inkChg>
        <pc:inkChg chg="add del topLvl">
          <ac:chgData name="David Lindero" userId="99e779fe-8d8e-44db-9ba6-c59f9563b2fa" providerId="ADAL" clId="{725E150F-BFE4-3B40-A586-85058906F51A}" dt="2021-06-08T08:55:35.671" v="244"/>
          <ac:inkMkLst>
            <pc:docMk/>
            <pc:sldMk cId="1686217449" sldId="273"/>
            <ac:inkMk id="20" creationId="{5162674B-8B6B-314E-9B32-7F2F2140478F}"/>
          </ac:inkMkLst>
        </pc:inkChg>
        <pc:inkChg chg="add">
          <ac:chgData name="David Lindero" userId="99e779fe-8d8e-44db-9ba6-c59f9563b2fa" providerId="ADAL" clId="{725E150F-BFE4-3B40-A586-85058906F51A}" dt="2021-06-08T08:56:09.699" v="279"/>
          <ac:inkMkLst>
            <pc:docMk/>
            <pc:sldMk cId="1686217449" sldId="273"/>
            <ac:inkMk id="20" creationId="{D2269D7D-FCA3-2544-87A4-E4D6BC269D35}"/>
          </ac:inkMkLst>
        </pc:inkChg>
        <pc:inkChg chg="add">
          <ac:chgData name="David Lindero" userId="99e779fe-8d8e-44db-9ba6-c59f9563b2fa" providerId="ADAL" clId="{725E150F-BFE4-3B40-A586-85058906F51A}" dt="2021-06-08T08:56:10.198" v="280"/>
          <ac:inkMkLst>
            <pc:docMk/>
            <pc:sldMk cId="1686217449" sldId="273"/>
            <ac:inkMk id="21" creationId="{13CBD39C-A9A3-984E-B6C4-0B3A45ED79DB}"/>
          </ac:inkMkLst>
        </pc:inkChg>
        <pc:inkChg chg="add del">
          <ac:chgData name="David Lindero" userId="99e779fe-8d8e-44db-9ba6-c59f9563b2fa" providerId="ADAL" clId="{725E150F-BFE4-3B40-A586-85058906F51A}" dt="2021-06-08T10:58:10.333" v="409"/>
          <ac:inkMkLst>
            <pc:docMk/>
            <pc:sldMk cId="1686217449" sldId="273"/>
            <ac:inkMk id="21" creationId="{A37B67F6-F2D2-134A-9BD3-7261AA3324C4}"/>
          </ac:inkMkLst>
        </pc:inkChg>
        <pc:inkChg chg="add">
          <ac:chgData name="David Lindero" userId="99e779fe-8d8e-44db-9ba6-c59f9563b2fa" providerId="ADAL" clId="{725E150F-BFE4-3B40-A586-85058906F51A}" dt="2021-06-08T11:07:22.202" v="458"/>
          <ac:inkMkLst>
            <pc:docMk/>
            <pc:sldMk cId="1686217449" sldId="273"/>
            <ac:inkMk id="21" creationId="{CE9EDB89-5327-5D4F-BA1F-A1B7EFD9738E}"/>
          </ac:inkMkLst>
        </pc:inkChg>
        <pc:inkChg chg="add">
          <ac:chgData name="David Lindero" userId="99e779fe-8d8e-44db-9ba6-c59f9563b2fa" providerId="ADAL" clId="{725E150F-BFE4-3B40-A586-85058906F51A}" dt="2021-06-08T08:56:10.880" v="281"/>
          <ac:inkMkLst>
            <pc:docMk/>
            <pc:sldMk cId="1686217449" sldId="273"/>
            <ac:inkMk id="22" creationId="{166D4D7D-2AF9-1C4F-A15A-604698756B87}"/>
          </ac:inkMkLst>
        </pc:inkChg>
        <pc:inkChg chg="add">
          <ac:chgData name="David Lindero" userId="99e779fe-8d8e-44db-9ba6-c59f9563b2fa" providerId="ADAL" clId="{725E150F-BFE4-3B40-A586-85058906F51A}" dt="2021-06-08T10:58:11.760" v="410"/>
          <ac:inkMkLst>
            <pc:docMk/>
            <pc:sldMk cId="1686217449" sldId="273"/>
            <ac:inkMk id="22" creationId="{1DAEED78-4BD7-0D41-87FD-91E4027098A0}"/>
          </ac:inkMkLst>
        </pc:inkChg>
        <pc:inkChg chg="add del">
          <ac:chgData name="David Lindero" userId="99e779fe-8d8e-44db-9ba6-c59f9563b2fa" providerId="ADAL" clId="{725E150F-BFE4-3B40-A586-85058906F51A}" dt="2021-06-08T08:55:35.666" v="241"/>
          <ac:inkMkLst>
            <pc:docMk/>
            <pc:sldMk cId="1686217449" sldId="273"/>
            <ac:inkMk id="22" creationId="{5BB1218F-F9B4-184A-B48E-A91151BEA3FF}"/>
          </ac:inkMkLst>
        </pc:inkChg>
        <pc:inkChg chg="add del topLvl">
          <ac:chgData name="David Lindero" userId="99e779fe-8d8e-44db-9ba6-c59f9563b2fa" providerId="ADAL" clId="{725E150F-BFE4-3B40-A586-85058906F51A}" dt="2021-06-08T08:55:35.670" v="243"/>
          <ac:inkMkLst>
            <pc:docMk/>
            <pc:sldMk cId="1686217449" sldId="273"/>
            <ac:inkMk id="23" creationId="{AA0F914C-E2EA-1449-A592-CA1F3559B268}"/>
          </ac:inkMkLst>
        </pc:inkChg>
        <pc:inkChg chg="add topLvl">
          <ac:chgData name="David Lindero" userId="99e779fe-8d8e-44db-9ba6-c59f9563b2fa" providerId="ADAL" clId="{725E150F-BFE4-3B40-A586-85058906F51A}" dt="2021-06-08T10:58:53.092" v="420"/>
          <ac:inkMkLst>
            <pc:docMk/>
            <pc:sldMk cId="1686217449" sldId="273"/>
            <ac:inkMk id="23" creationId="{FDC00A00-A0D5-6246-B9FA-B5D30389A7B0}"/>
          </ac:inkMkLst>
        </pc:inkChg>
        <pc:inkChg chg="add del">
          <ac:chgData name="David Lindero" userId="99e779fe-8d8e-44db-9ba6-c59f9563b2fa" providerId="ADAL" clId="{725E150F-BFE4-3B40-A586-85058906F51A}" dt="2021-06-08T08:55:35.662" v="239"/>
          <ac:inkMkLst>
            <pc:docMk/>
            <pc:sldMk cId="1686217449" sldId="273"/>
            <ac:inkMk id="24" creationId="{2AECA5B5-2633-574E-9BBE-153C94D00940}"/>
          </ac:inkMkLst>
        </pc:inkChg>
        <pc:inkChg chg="add">
          <ac:chgData name="David Lindero" userId="99e779fe-8d8e-44db-9ba6-c59f9563b2fa" providerId="ADAL" clId="{725E150F-BFE4-3B40-A586-85058906F51A}" dt="2021-06-08T08:56:12.501" v="283"/>
          <ac:inkMkLst>
            <pc:docMk/>
            <pc:sldMk cId="1686217449" sldId="273"/>
            <ac:inkMk id="24" creationId="{AF2B339B-83CF-F840-8B91-D1ACA3F63FAD}"/>
          </ac:inkMkLst>
        </pc:inkChg>
        <pc:inkChg chg="add topLvl">
          <ac:chgData name="David Lindero" userId="99e779fe-8d8e-44db-9ba6-c59f9563b2fa" providerId="ADAL" clId="{725E150F-BFE4-3B40-A586-85058906F51A}" dt="2021-06-08T10:58:53.092" v="420"/>
          <ac:inkMkLst>
            <pc:docMk/>
            <pc:sldMk cId="1686217449" sldId="273"/>
            <ac:inkMk id="24" creationId="{EE34A2F2-E6C9-1F4D-B87A-ED1D76A04E7B}"/>
          </ac:inkMkLst>
        </pc:inkChg>
        <pc:inkChg chg="add topLvl">
          <ac:chgData name="David Lindero" userId="99e779fe-8d8e-44db-9ba6-c59f9563b2fa" providerId="ADAL" clId="{725E150F-BFE4-3B40-A586-85058906F51A}" dt="2021-06-08T10:58:53.092" v="420"/>
          <ac:inkMkLst>
            <pc:docMk/>
            <pc:sldMk cId="1686217449" sldId="273"/>
            <ac:inkMk id="25" creationId="{1AC03625-1EEE-0841-85D3-97015EE36AAA}"/>
          </ac:inkMkLst>
        </pc:inkChg>
        <pc:inkChg chg="add del">
          <ac:chgData name="David Lindero" userId="99e779fe-8d8e-44db-9ba6-c59f9563b2fa" providerId="ADAL" clId="{725E150F-BFE4-3B40-A586-85058906F51A}" dt="2021-06-08T08:55:35.656" v="237"/>
          <ac:inkMkLst>
            <pc:docMk/>
            <pc:sldMk cId="1686217449" sldId="273"/>
            <ac:inkMk id="25" creationId="{C579090B-020C-104D-98B9-E7ACF2AC24C4}"/>
          </ac:inkMkLst>
        </pc:inkChg>
        <pc:inkChg chg="add">
          <ac:chgData name="David Lindero" userId="99e779fe-8d8e-44db-9ba6-c59f9563b2fa" providerId="ADAL" clId="{725E150F-BFE4-3B40-A586-85058906F51A}" dt="2021-06-08T08:56:12.707" v="284"/>
          <ac:inkMkLst>
            <pc:docMk/>
            <pc:sldMk cId="1686217449" sldId="273"/>
            <ac:inkMk id="25" creationId="{EFD830AA-6B64-9348-A68F-8705D256E169}"/>
          </ac:inkMkLst>
        </pc:inkChg>
        <pc:inkChg chg="add del">
          <ac:chgData name="David Lindero" userId="99e779fe-8d8e-44db-9ba6-c59f9563b2fa" providerId="ADAL" clId="{725E150F-BFE4-3B40-A586-85058906F51A}" dt="2021-06-08T08:55:35.668" v="242"/>
          <ac:inkMkLst>
            <pc:docMk/>
            <pc:sldMk cId="1686217449" sldId="273"/>
            <ac:inkMk id="26" creationId="{30FA3056-4B8B-234E-A021-B4F1AF64C334}"/>
          </ac:inkMkLst>
        </pc:inkChg>
        <pc:inkChg chg="add">
          <ac:chgData name="David Lindero" userId="99e779fe-8d8e-44db-9ba6-c59f9563b2fa" providerId="ADAL" clId="{725E150F-BFE4-3B40-A586-85058906F51A}" dt="2021-06-08T08:56:12.877" v="285"/>
          <ac:inkMkLst>
            <pc:docMk/>
            <pc:sldMk cId="1686217449" sldId="273"/>
            <ac:inkMk id="26" creationId="{90BC1060-5BBD-BB41-A079-AB5E288AAA71}"/>
          </ac:inkMkLst>
        </pc:inkChg>
        <pc:inkChg chg="add topLvl">
          <ac:chgData name="David Lindero" userId="99e779fe-8d8e-44db-9ba6-c59f9563b2fa" providerId="ADAL" clId="{725E150F-BFE4-3B40-A586-85058906F51A}" dt="2021-06-08T10:58:53.092" v="420"/>
          <ac:inkMkLst>
            <pc:docMk/>
            <pc:sldMk cId="1686217449" sldId="273"/>
            <ac:inkMk id="26" creationId="{D2EA3765-DEF1-AB4C-A962-88EF74429E55}"/>
          </ac:inkMkLst>
        </pc:inkChg>
        <pc:inkChg chg="add topLvl">
          <ac:chgData name="David Lindero" userId="99e779fe-8d8e-44db-9ba6-c59f9563b2fa" providerId="ADAL" clId="{725E150F-BFE4-3B40-A586-85058906F51A}" dt="2021-06-08T10:58:53.092" v="420"/>
          <ac:inkMkLst>
            <pc:docMk/>
            <pc:sldMk cId="1686217449" sldId="273"/>
            <ac:inkMk id="27" creationId="{0DDC8C8A-B931-1A4F-AA53-DD84CF8AACAC}"/>
          </ac:inkMkLst>
        </pc:inkChg>
        <pc:inkChg chg="add del">
          <ac:chgData name="David Lindero" userId="99e779fe-8d8e-44db-9ba6-c59f9563b2fa" providerId="ADAL" clId="{725E150F-BFE4-3B40-A586-85058906F51A}" dt="2021-06-08T08:55:35.664" v="240"/>
          <ac:inkMkLst>
            <pc:docMk/>
            <pc:sldMk cId="1686217449" sldId="273"/>
            <ac:inkMk id="27" creationId="{3D8E5441-A90A-A044-8406-EF3D49C66893}"/>
          </ac:inkMkLst>
        </pc:inkChg>
        <pc:inkChg chg="add">
          <ac:chgData name="David Lindero" userId="99e779fe-8d8e-44db-9ba6-c59f9563b2fa" providerId="ADAL" clId="{725E150F-BFE4-3B40-A586-85058906F51A}" dt="2021-06-08T08:56:13.548" v="286"/>
          <ac:inkMkLst>
            <pc:docMk/>
            <pc:sldMk cId="1686217449" sldId="273"/>
            <ac:inkMk id="27" creationId="{505443A8-7BC7-F240-A2B7-957EE16D6700}"/>
          </ac:inkMkLst>
        </pc:inkChg>
        <pc:inkChg chg="add topLvl">
          <ac:chgData name="David Lindero" userId="99e779fe-8d8e-44db-9ba6-c59f9563b2fa" providerId="ADAL" clId="{725E150F-BFE4-3B40-A586-85058906F51A}" dt="2021-06-08T10:58:53.092" v="420"/>
          <ac:inkMkLst>
            <pc:docMk/>
            <pc:sldMk cId="1686217449" sldId="273"/>
            <ac:inkMk id="28" creationId="{3C34ABD4-C9EE-FD43-B6C8-E7876FE99577}"/>
          </ac:inkMkLst>
        </pc:inkChg>
        <pc:inkChg chg="add">
          <ac:chgData name="David Lindero" userId="99e779fe-8d8e-44db-9ba6-c59f9563b2fa" providerId="ADAL" clId="{725E150F-BFE4-3B40-A586-85058906F51A}" dt="2021-06-08T08:56:14.110" v="287"/>
          <ac:inkMkLst>
            <pc:docMk/>
            <pc:sldMk cId="1686217449" sldId="273"/>
            <ac:inkMk id="28" creationId="{AF02DF83-5779-F54F-B3D6-7DB3385F7D48}"/>
          </ac:inkMkLst>
        </pc:inkChg>
        <pc:inkChg chg="add">
          <ac:chgData name="David Lindero" userId="99e779fe-8d8e-44db-9ba6-c59f9563b2fa" providerId="ADAL" clId="{725E150F-BFE4-3B40-A586-85058906F51A}" dt="2021-06-08T08:48:44.034" v="25"/>
          <ac:inkMkLst>
            <pc:docMk/>
            <pc:sldMk cId="1686217449" sldId="273"/>
            <ac:inkMk id="29" creationId="{24710AA2-F606-5046-8CFF-5B39CEE37740}"/>
          </ac:inkMkLst>
        </pc:inkChg>
        <pc:inkChg chg="add">
          <ac:chgData name="David Lindero" userId="99e779fe-8d8e-44db-9ba6-c59f9563b2fa" providerId="ADAL" clId="{725E150F-BFE4-3B40-A586-85058906F51A}" dt="2021-06-08T08:48:47.224" v="26"/>
          <ac:inkMkLst>
            <pc:docMk/>
            <pc:sldMk cId="1686217449" sldId="273"/>
            <ac:inkMk id="30" creationId="{9AFE0A9F-5952-7C4B-8046-94F72EF47674}"/>
          </ac:inkMkLst>
        </pc:inkChg>
        <pc:inkChg chg="add">
          <ac:chgData name="David Lindero" userId="99e779fe-8d8e-44db-9ba6-c59f9563b2fa" providerId="ADAL" clId="{725E150F-BFE4-3B40-A586-85058906F51A}" dt="2021-06-08T08:48:49.649" v="27"/>
          <ac:inkMkLst>
            <pc:docMk/>
            <pc:sldMk cId="1686217449" sldId="273"/>
            <ac:inkMk id="31" creationId="{50596408-AEB8-EF4A-B29F-445DE4C922C8}"/>
          </ac:inkMkLst>
        </pc:inkChg>
        <pc:inkChg chg="add">
          <ac:chgData name="David Lindero" userId="99e779fe-8d8e-44db-9ba6-c59f9563b2fa" providerId="ADAL" clId="{725E150F-BFE4-3B40-A586-85058906F51A}" dt="2021-06-08T08:56:14.446" v="288"/>
          <ac:inkMkLst>
            <pc:docMk/>
            <pc:sldMk cId="1686217449" sldId="273"/>
            <ac:inkMk id="32" creationId="{108F847D-8D0D-6349-B28D-615AA6E6B1AD}"/>
          </ac:inkMkLst>
        </pc:inkChg>
        <pc:inkChg chg="add">
          <ac:chgData name="David Lindero" userId="99e779fe-8d8e-44db-9ba6-c59f9563b2fa" providerId="ADAL" clId="{725E150F-BFE4-3B40-A586-85058906F51A}" dt="2021-06-08T11:07:23.526" v="459"/>
          <ac:inkMkLst>
            <pc:docMk/>
            <pc:sldMk cId="1686217449" sldId="273"/>
            <ac:inkMk id="32" creationId="{5BB98ECC-5179-CF47-9426-D7B64EB14A18}"/>
          </ac:inkMkLst>
        </pc:inkChg>
        <pc:inkChg chg="add del">
          <ac:chgData name="David Lindero" userId="99e779fe-8d8e-44db-9ba6-c59f9563b2fa" providerId="ADAL" clId="{725E150F-BFE4-3B40-A586-85058906F51A}" dt="2021-06-08T09:11:50.272" v="299"/>
          <ac:inkMkLst>
            <pc:docMk/>
            <pc:sldMk cId="1686217449" sldId="273"/>
            <ac:inkMk id="32" creationId="{FE292118-4762-E64C-8C8F-5CF444E470A6}"/>
          </ac:inkMkLst>
        </pc:inkChg>
        <pc:inkChg chg="add del">
          <ac:chgData name="David Lindero" userId="99e779fe-8d8e-44db-9ba6-c59f9563b2fa" providerId="ADAL" clId="{725E150F-BFE4-3B40-A586-85058906F51A}" dt="2021-06-08T08:49:23.014" v="30"/>
          <ac:inkMkLst>
            <pc:docMk/>
            <pc:sldMk cId="1686217449" sldId="273"/>
            <ac:inkMk id="33" creationId="{557DDF8A-C301-2A41-B872-90F6ABD843B5}"/>
          </ac:inkMkLst>
        </pc:inkChg>
        <pc:inkChg chg="add">
          <ac:chgData name="David Lindero" userId="99e779fe-8d8e-44db-9ba6-c59f9563b2fa" providerId="ADAL" clId="{725E150F-BFE4-3B40-A586-85058906F51A}" dt="2021-06-08T10:58:51.628" v="418"/>
          <ac:inkMkLst>
            <pc:docMk/>
            <pc:sldMk cId="1686217449" sldId="273"/>
            <ac:inkMk id="33" creationId="{DD10FA22-8031-804E-879E-80E1E4B1A00A}"/>
          </ac:inkMkLst>
        </pc:inkChg>
        <pc:inkChg chg="add">
          <ac:chgData name="David Lindero" userId="99e779fe-8d8e-44db-9ba6-c59f9563b2fa" providerId="ADAL" clId="{725E150F-BFE4-3B40-A586-85058906F51A}" dt="2021-06-08T10:58:52.161" v="419"/>
          <ac:inkMkLst>
            <pc:docMk/>
            <pc:sldMk cId="1686217449" sldId="273"/>
            <ac:inkMk id="34" creationId="{73BAF1D5-5A6C-0346-A12C-1E96BEDC8ACC}"/>
          </ac:inkMkLst>
        </pc:inkChg>
        <pc:inkChg chg="add del">
          <ac:chgData name="David Lindero" userId="99e779fe-8d8e-44db-9ba6-c59f9563b2fa" providerId="ADAL" clId="{725E150F-BFE4-3B40-A586-85058906F51A}" dt="2021-06-08T09:11:51.130" v="300"/>
          <ac:inkMkLst>
            <pc:docMk/>
            <pc:sldMk cId="1686217449" sldId="273"/>
            <ac:inkMk id="34" creationId="{A1902082-E827-C944-B51A-69F66C8DD9F1}"/>
          </ac:inkMkLst>
        </pc:inkChg>
        <pc:inkChg chg="add del">
          <ac:chgData name="David Lindero" userId="99e779fe-8d8e-44db-9ba6-c59f9563b2fa" providerId="ADAL" clId="{725E150F-BFE4-3B40-A586-85058906F51A}" dt="2021-06-08T08:49:41.679" v="35"/>
          <ac:inkMkLst>
            <pc:docMk/>
            <pc:sldMk cId="1686217449" sldId="273"/>
            <ac:inkMk id="35" creationId="{16B50EBF-460B-6D4D-8010-743588D3DC64}"/>
          </ac:inkMkLst>
        </pc:inkChg>
        <pc:inkChg chg="add">
          <ac:chgData name="David Lindero" userId="99e779fe-8d8e-44db-9ba6-c59f9563b2fa" providerId="ADAL" clId="{725E150F-BFE4-3B40-A586-85058906F51A}" dt="2021-06-08T08:49:44.870" v="36"/>
          <ac:inkMkLst>
            <pc:docMk/>
            <pc:sldMk cId="1686217449" sldId="273"/>
            <ac:inkMk id="36" creationId="{A397917D-F82A-7743-981D-E45B53BB5E04}"/>
          </ac:inkMkLst>
        </pc:inkChg>
        <pc:inkChg chg="add">
          <ac:chgData name="David Lindero" userId="99e779fe-8d8e-44db-9ba6-c59f9563b2fa" providerId="ADAL" clId="{725E150F-BFE4-3B40-A586-85058906F51A}" dt="2021-06-08T08:49:45.565" v="37"/>
          <ac:inkMkLst>
            <pc:docMk/>
            <pc:sldMk cId="1686217449" sldId="273"/>
            <ac:inkMk id="37" creationId="{52BEE094-602C-AA4A-845B-8C2A6C8B55B8}"/>
          </ac:inkMkLst>
        </pc:inkChg>
        <pc:inkChg chg="add topLvl">
          <ac:chgData name="David Lindero" userId="99e779fe-8d8e-44db-9ba6-c59f9563b2fa" providerId="ADAL" clId="{725E150F-BFE4-3B40-A586-85058906F51A}" dt="2021-06-08T11:16:15.452" v="500"/>
          <ac:inkMkLst>
            <pc:docMk/>
            <pc:sldMk cId="1686217449" sldId="273"/>
            <ac:inkMk id="39" creationId="{B71D19B7-F666-D642-92F2-7B3EDFC82B07}"/>
          </ac:inkMkLst>
        </pc:inkChg>
        <pc:inkChg chg="add del topLvl">
          <ac:chgData name="David Lindero" userId="99e779fe-8d8e-44db-9ba6-c59f9563b2fa" providerId="ADAL" clId="{725E150F-BFE4-3B40-A586-85058906F51A}" dt="2021-06-08T11:09:17.200" v="480"/>
          <ac:inkMkLst>
            <pc:docMk/>
            <pc:sldMk cId="1686217449" sldId="273"/>
            <ac:inkMk id="39" creationId="{C3CCC6F1-1921-7342-B09B-0266B63082DC}"/>
          </ac:inkMkLst>
        </pc:inkChg>
        <pc:inkChg chg="add del topLvl">
          <ac:chgData name="David Lindero" userId="99e779fe-8d8e-44db-9ba6-c59f9563b2fa" providerId="ADAL" clId="{725E150F-BFE4-3B40-A586-85058906F51A}" dt="2021-06-08T11:09:13.282" v="477"/>
          <ac:inkMkLst>
            <pc:docMk/>
            <pc:sldMk cId="1686217449" sldId="273"/>
            <ac:inkMk id="40" creationId="{0E19EF36-FF05-E745-91DA-16ACCBBBC2BE}"/>
          </ac:inkMkLst>
        </pc:inkChg>
        <pc:inkChg chg="add">
          <ac:chgData name="David Lindero" userId="99e779fe-8d8e-44db-9ba6-c59f9563b2fa" providerId="ADAL" clId="{725E150F-BFE4-3B40-A586-85058906F51A}" dt="2021-06-08T11:16:13.046" v="496"/>
          <ac:inkMkLst>
            <pc:docMk/>
            <pc:sldMk cId="1686217449" sldId="273"/>
            <ac:inkMk id="41" creationId="{0605508A-1BE0-6E44-8441-0F6EC3E909B8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42" creationId="{3B4715F5-20A4-274A-A6EE-57563F4883F9}"/>
          </ac:inkMkLst>
        </pc:inkChg>
        <pc:inkChg chg="add del topLvl">
          <ac:chgData name="David Lindero" userId="99e779fe-8d8e-44db-9ba6-c59f9563b2fa" providerId="ADAL" clId="{725E150F-BFE4-3B40-A586-85058906F51A}" dt="2021-06-08T08:56:02.091" v="260"/>
          <ac:inkMkLst>
            <pc:docMk/>
            <pc:sldMk cId="1686217449" sldId="273"/>
            <ac:inkMk id="42" creationId="{3E18C02D-6816-E94B-B258-264C3ECFD4A3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43" creationId="{4AB7EB93-F782-B142-B2E5-89D6CAD7EF71}"/>
          </ac:inkMkLst>
        </pc:inkChg>
        <pc:inkChg chg="add del topLvl">
          <ac:chgData name="David Lindero" userId="99e779fe-8d8e-44db-9ba6-c59f9563b2fa" providerId="ADAL" clId="{725E150F-BFE4-3B40-A586-85058906F51A}" dt="2021-06-08T08:56:02.095" v="262"/>
          <ac:inkMkLst>
            <pc:docMk/>
            <pc:sldMk cId="1686217449" sldId="273"/>
            <ac:inkMk id="43" creationId="{55756A9F-0B97-4448-AE63-14E04E85B441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44" creationId="{EB388D3D-14B6-4345-B503-DC115330570D}"/>
          </ac:inkMkLst>
        </pc:inkChg>
        <pc:inkChg chg="add del topLvl">
          <ac:chgData name="David Lindero" userId="99e779fe-8d8e-44db-9ba6-c59f9563b2fa" providerId="ADAL" clId="{725E150F-BFE4-3B40-A586-85058906F51A}" dt="2021-06-08T08:56:02.086" v="258"/>
          <ac:inkMkLst>
            <pc:docMk/>
            <pc:sldMk cId="1686217449" sldId="273"/>
            <ac:inkMk id="44" creationId="{EF92DDDF-3A86-9540-929A-48A7BA030B74}"/>
          </ac:inkMkLst>
        </pc:inkChg>
        <pc:inkChg chg="add del topLvl">
          <ac:chgData name="David Lindero" userId="99e779fe-8d8e-44db-9ba6-c59f9563b2fa" providerId="ADAL" clId="{725E150F-BFE4-3B40-A586-85058906F51A}" dt="2021-06-08T08:56:02.103" v="266"/>
          <ac:inkMkLst>
            <pc:docMk/>
            <pc:sldMk cId="1686217449" sldId="273"/>
            <ac:inkMk id="45" creationId="{109DBCC1-DB33-A947-AC4F-7B78F050EF05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45" creationId="{79B09464-37DD-934F-BA78-9119BAE57878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47" creationId="{9DA37AA0-282C-344E-855E-1D67C9F93FF5}"/>
          </ac:inkMkLst>
        </pc:inkChg>
        <pc:inkChg chg="add del topLvl">
          <ac:chgData name="David Lindero" userId="99e779fe-8d8e-44db-9ba6-c59f9563b2fa" providerId="ADAL" clId="{725E150F-BFE4-3B40-A586-85058906F51A}" dt="2021-06-08T08:56:02.089" v="259"/>
          <ac:inkMkLst>
            <pc:docMk/>
            <pc:sldMk cId="1686217449" sldId="273"/>
            <ac:inkMk id="47" creationId="{C37213F3-E467-4B4E-95F2-47B026432906}"/>
          </ac:inkMkLst>
        </pc:inkChg>
        <pc:inkChg chg="add del topLvl">
          <ac:chgData name="David Lindero" userId="99e779fe-8d8e-44db-9ba6-c59f9563b2fa" providerId="ADAL" clId="{725E150F-BFE4-3B40-A586-85058906F51A}" dt="2021-06-08T08:56:02.093" v="261"/>
          <ac:inkMkLst>
            <pc:docMk/>
            <pc:sldMk cId="1686217449" sldId="273"/>
            <ac:inkMk id="48" creationId="{83BAE6A6-CCCE-A444-86CB-99FBBC63C8F7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48" creationId="{9E93C203-2906-3A49-B5D5-7B61EB912825}"/>
          </ac:inkMkLst>
        </pc:inkChg>
        <pc:inkChg chg="add del topLvl">
          <ac:chgData name="David Lindero" userId="99e779fe-8d8e-44db-9ba6-c59f9563b2fa" providerId="ADAL" clId="{725E150F-BFE4-3B40-A586-85058906F51A}" dt="2021-06-08T08:56:02.099" v="264"/>
          <ac:inkMkLst>
            <pc:docMk/>
            <pc:sldMk cId="1686217449" sldId="273"/>
            <ac:inkMk id="49" creationId="{1D95125A-AD8F-0C4A-8CD6-CDD38D508A85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49" creationId="{B252EF18-D5E5-DA4A-8B41-8927884EEA5C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50" creationId="{7BB6997F-2AE5-B04E-B001-7782CF41D5DF}"/>
          </ac:inkMkLst>
        </pc:inkChg>
        <pc:inkChg chg="add del topLvl">
          <ac:chgData name="David Lindero" userId="99e779fe-8d8e-44db-9ba6-c59f9563b2fa" providerId="ADAL" clId="{725E150F-BFE4-3B40-A586-85058906F51A}" dt="2021-06-08T08:56:02.105" v="267"/>
          <ac:inkMkLst>
            <pc:docMk/>
            <pc:sldMk cId="1686217449" sldId="273"/>
            <ac:inkMk id="50" creationId="{A722BEC8-69B6-7D4F-8DA4-70D528C730FE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51" creationId="{BE03AB05-A45A-7F45-B259-CE206635751F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52" creationId="{450CF84B-E233-8F40-9016-92CDF2B4B015}"/>
          </ac:inkMkLst>
        </pc:inkChg>
        <pc:inkChg chg="add del topLvl">
          <ac:chgData name="David Lindero" userId="99e779fe-8d8e-44db-9ba6-c59f9563b2fa" providerId="ADAL" clId="{725E150F-BFE4-3B40-A586-85058906F51A}" dt="2021-06-08T08:56:02.109" v="269"/>
          <ac:inkMkLst>
            <pc:docMk/>
            <pc:sldMk cId="1686217449" sldId="273"/>
            <ac:inkMk id="52" creationId="{CEF0C5CA-1616-2F4F-B7E2-B87E6341243D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53" creationId="{4DD9341B-3D1C-5043-99BF-37DD13DEF2AD}"/>
          </ac:inkMkLst>
        </pc:inkChg>
        <pc:inkChg chg="add del topLvl">
          <ac:chgData name="David Lindero" userId="99e779fe-8d8e-44db-9ba6-c59f9563b2fa" providerId="ADAL" clId="{725E150F-BFE4-3B40-A586-85058906F51A}" dt="2021-06-08T08:56:02.111" v="270"/>
          <ac:inkMkLst>
            <pc:docMk/>
            <pc:sldMk cId="1686217449" sldId="273"/>
            <ac:inkMk id="54" creationId="{00A879E6-27B0-304C-BB46-1CC07E7F7731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54" creationId="{A3383592-3A92-F344-8C8A-0AB59ACE5DB5}"/>
          </ac:inkMkLst>
        </pc:inkChg>
        <pc:inkChg chg="add topLvl">
          <ac:chgData name="David Lindero" userId="99e779fe-8d8e-44db-9ba6-c59f9563b2fa" providerId="ADAL" clId="{725E150F-BFE4-3B40-A586-85058906F51A}" dt="2021-06-08T10:59:07.487" v="445"/>
          <ac:inkMkLst>
            <pc:docMk/>
            <pc:sldMk cId="1686217449" sldId="273"/>
            <ac:inkMk id="55" creationId="{D23E9AC8-3D31-5F4E-9FAE-13DD1C6D77DB}"/>
          </ac:inkMkLst>
        </pc:inkChg>
        <pc:inkChg chg="add del">
          <ac:chgData name="David Lindero" userId="99e779fe-8d8e-44db-9ba6-c59f9563b2fa" providerId="ADAL" clId="{725E150F-BFE4-3B40-A586-85058906F51A}" dt="2021-06-08T08:56:02.107" v="268"/>
          <ac:inkMkLst>
            <pc:docMk/>
            <pc:sldMk cId="1686217449" sldId="273"/>
            <ac:inkMk id="55" creationId="{D8E6070A-923B-DF4A-B2B8-637508104603}"/>
          </ac:inkMkLst>
        </pc:inkChg>
        <pc:inkChg chg="add del">
          <ac:chgData name="David Lindero" userId="99e779fe-8d8e-44db-9ba6-c59f9563b2fa" providerId="ADAL" clId="{725E150F-BFE4-3B40-A586-85058906F51A}" dt="2021-06-08T08:56:02.101" v="265"/>
          <ac:inkMkLst>
            <pc:docMk/>
            <pc:sldMk cId="1686217449" sldId="273"/>
            <ac:inkMk id="56" creationId="{1AE439ED-1A84-9345-AA6F-72A2F188FDC2}"/>
          </ac:inkMkLst>
        </pc:inkChg>
        <pc:inkChg chg="add">
          <ac:chgData name="David Lindero" userId="99e779fe-8d8e-44db-9ba6-c59f9563b2fa" providerId="ADAL" clId="{725E150F-BFE4-3B40-A586-85058906F51A}" dt="2021-06-08T11:07:34.236" v="461"/>
          <ac:inkMkLst>
            <pc:docMk/>
            <pc:sldMk cId="1686217449" sldId="273"/>
            <ac:inkMk id="56" creationId="{E5068898-6959-A643-BCBD-E97593EDF022}"/>
          </ac:inkMkLst>
        </pc:inkChg>
        <pc:inkChg chg="add">
          <ac:chgData name="David Lindero" userId="99e779fe-8d8e-44db-9ba6-c59f9563b2fa" providerId="ADAL" clId="{725E150F-BFE4-3B40-A586-85058906F51A}" dt="2021-06-08T10:59:02.605" v="436"/>
          <ac:inkMkLst>
            <pc:docMk/>
            <pc:sldMk cId="1686217449" sldId="273"/>
            <ac:inkMk id="57" creationId="{8B05652A-3E7D-FC48-B505-258852345470}"/>
          </ac:inkMkLst>
        </pc:inkChg>
        <pc:inkChg chg="add del">
          <ac:chgData name="David Lindero" userId="99e779fe-8d8e-44db-9ba6-c59f9563b2fa" providerId="ADAL" clId="{725E150F-BFE4-3B40-A586-85058906F51A}" dt="2021-06-08T08:56:02.097" v="263"/>
          <ac:inkMkLst>
            <pc:docMk/>
            <pc:sldMk cId="1686217449" sldId="273"/>
            <ac:inkMk id="57" creationId="{C86A74FD-8B37-0F4F-B7F0-BDB23953435E}"/>
          </ac:inkMkLst>
        </pc:inkChg>
        <pc:inkChg chg="add">
          <ac:chgData name="David Lindero" userId="99e779fe-8d8e-44db-9ba6-c59f9563b2fa" providerId="ADAL" clId="{725E150F-BFE4-3B40-A586-85058906F51A}" dt="2021-06-08T10:59:03.124" v="437"/>
          <ac:inkMkLst>
            <pc:docMk/>
            <pc:sldMk cId="1686217449" sldId="273"/>
            <ac:inkMk id="58" creationId="{89D244F3-801D-5E4C-9D2F-AC23A795967E}"/>
          </ac:inkMkLst>
        </pc:inkChg>
        <pc:inkChg chg="add del topLvl">
          <ac:chgData name="David Lindero" userId="99e779fe-8d8e-44db-9ba6-c59f9563b2fa" providerId="ADAL" clId="{725E150F-BFE4-3B40-A586-85058906F51A}" dt="2021-06-08T08:56:02.112" v="271"/>
          <ac:inkMkLst>
            <pc:docMk/>
            <pc:sldMk cId="1686217449" sldId="273"/>
            <ac:inkMk id="58" creationId="{F400081F-DD63-7A45-BB30-9872C47F5040}"/>
          </ac:inkMkLst>
        </pc:inkChg>
        <pc:inkChg chg="add">
          <ac:chgData name="David Lindero" userId="99e779fe-8d8e-44db-9ba6-c59f9563b2fa" providerId="ADAL" clId="{725E150F-BFE4-3B40-A586-85058906F51A}" dt="2021-06-08T10:59:03.629" v="438"/>
          <ac:inkMkLst>
            <pc:docMk/>
            <pc:sldMk cId="1686217449" sldId="273"/>
            <ac:inkMk id="59" creationId="{01DBCC5A-01AB-D74E-9C60-FA1D14FC6A6B}"/>
          </ac:inkMkLst>
        </pc:inkChg>
        <pc:inkChg chg="add">
          <ac:chgData name="David Lindero" userId="99e779fe-8d8e-44db-9ba6-c59f9563b2fa" providerId="ADAL" clId="{725E150F-BFE4-3B40-A586-85058906F51A}" dt="2021-06-08T10:59:04.083" v="439"/>
          <ac:inkMkLst>
            <pc:docMk/>
            <pc:sldMk cId="1686217449" sldId="273"/>
            <ac:inkMk id="60" creationId="{0AA8394E-1274-8448-A2C8-569E9A186689}"/>
          </ac:inkMkLst>
        </pc:inkChg>
        <pc:inkChg chg="add del topLvl">
          <ac:chgData name="David Lindero" userId="99e779fe-8d8e-44db-9ba6-c59f9563b2fa" providerId="ADAL" clId="{725E150F-BFE4-3B40-A586-85058906F51A}" dt="2021-06-08T08:51:35.728" v="75"/>
          <ac:inkMkLst>
            <pc:docMk/>
            <pc:sldMk cId="1686217449" sldId="273"/>
            <ac:inkMk id="60" creationId="{845C7EDE-C013-4648-8A3A-C7E2AE49A9A6}"/>
          </ac:inkMkLst>
        </pc:inkChg>
        <pc:inkChg chg="add">
          <ac:chgData name="David Lindero" userId="99e779fe-8d8e-44db-9ba6-c59f9563b2fa" providerId="ADAL" clId="{725E150F-BFE4-3B40-A586-85058906F51A}" dt="2021-06-08T10:59:04.930" v="440"/>
          <ac:inkMkLst>
            <pc:docMk/>
            <pc:sldMk cId="1686217449" sldId="273"/>
            <ac:inkMk id="61" creationId="{23693C0A-589D-DE44-93F8-E28AEF982F0D}"/>
          </ac:inkMkLst>
        </pc:inkChg>
        <pc:inkChg chg="add del topLvl">
          <ac:chgData name="David Lindero" userId="99e779fe-8d8e-44db-9ba6-c59f9563b2fa" providerId="ADAL" clId="{725E150F-BFE4-3B40-A586-85058906F51A}" dt="2021-06-08T08:51:34.756" v="74"/>
          <ac:inkMkLst>
            <pc:docMk/>
            <pc:sldMk cId="1686217449" sldId="273"/>
            <ac:inkMk id="61" creationId="{50FB3534-7912-CA4B-8A69-7B5D9884EC0A}"/>
          </ac:inkMkLst>
        </pc:inkChg>
        <pc:inkChg chg="add">
          <ac:chgData name="David Lindero" userId="99e779fe-8d8e-44db-9ba6-c59f9563b2fa" providerId="ADAL" clId="{725E150F-BFE4-3B40-A586-85058906F51A}" dt="2021-06-08T10:59:05.446" v="441"/>
          <ac:inkMkLst>
            <pc:docMk/>
            <pc:sldMk cId="1686217449" sldId="273"/>
            <ac:inkMk id="62" creationId="{40B74AE8-4BAC-C745-8336-298859F02A02}"/>
          </ac:inkMkLst>
        </pc:inkChg>
        <pc:inkChg chg="add del topLvl">
          <ac:chgData name="David Lindero" userId="99e779fe-8d8e-44db-9ba6-c59f9563b2fa" providerId="ADAL" clId="{725E150F-BFE4-3B40-A586-85058906F51A}" dt="2021-06-08T08:51:33.814" v="73"/>
          <ac:inkMkLst>
            <pc:docMk/>
            <pc:sldMk cId="1686217449" sldId="273"/>
            <ac:inkMk id="63" creationId="{CE462407-D31F-5C4A-BFEB-57C20C2F2773}"/>
          </ac:inkMkLst>
        </pc:inkChg>
        <pc:inkChg chg="add">
          <ac:chgData name="David Lindero" userId="99e779fe-8d8e-44db-9ba6-c59f9563b2fa" providerId="ADAL" clId="{725E150F-BFE4-3B40-A586-85058906F51A}" dt="2021-06-08T10:59:05.530" v="442"/>
          <ac:inkMkLst>
            <pc:docMk/>
            <pc:sldMk cId="1686217449" sldId="273"/>
            <ac:inkMk id="63" creationId="{F01E78EB-D676-B942-829F-D1436212E721}"/>
          </ac:inkMkLst>
        </pc:inkChg>
        <pc:inkChg chg="add del topLvl">
          <ac:chgData name="David Lindero" userId="99e779fe-8d8e-44db-9ba6-c59f9563b2fa" providerId="ADAL" clId="{725E150F-BFE4-3B40-A586-85058906F51A}" dt="2021-06-08T08:51:33.023" v="72"/>
          <ac:inkMkLst>
            <pc:docMk/>
            <pc:sldMk cId="1686217449" sldId="273"/>
            <ac:inkMk id="64" creationId="{4BBECD7A-9A3E-4C47-AB91-7688FE76EFAC}"/>
          </ac:inkMkLst>
        </pc:inkChg>
        <pc:inkChg chg="add">
          <ac:chgData name="David Lindero" userId="99e779fe-8d8e-44db-9ba6-c59f9563b2fa" providerId="ADAL" clId="{725E150F-BFE4-3B40-A586-85058906F51A}" dt="2021-06-08T10:59:06.076" v="443"/>
          <ac:inkMkLst>
            <pc:docMk/>
            <pc:sldMk cId="1686217449" sldId="273"/>
            <ac:inkMk id="64" creationId="{F68B74EE-670A-994A-A4A3-31811E6AE5ED}"/>
          </ac:inkMkLst>
        </pc:inkChg>
        <pc:inkChg chg="add del topLvl">
          <ac:chgData name="David Lindero" userId="99e779fe-8d8e-44db-9ba6-c59f9563b2fa" providerId="ADAL" clId="{725E150F-BFE4-3B40-A586-85058906F51A}" dt="2021-06-08T08:51:32.073" v="71"/>
          <ac:inkMkLst>
            <pc:docMk/>
            <pc:sldMk cId="1686217449" sldId="273"/>
            <ac:inkMk id="65" creationId="{9928A0C8-B0F9-994D-B1BC-F3534EE34E16}"/>
          </ac:inkMkLst>
        </pc:inkChg>
        <pc:inkChg chg="add">
          <ac:chgData name="David Lindero" userId="99e779fe-8d8e-44db-9ba6-c59f9563b2fa" providerId="ADAL" clId="{725E150F-BFE4-3B40-A586-85058906F51A}" dt="2021-06-08T10:59:06.469" v="444"/>
          <ac:inkMkLst>
            <pc:docMk/>
            <pc:sldMk cId="1686217449" sldId="273"/>
            <ac:inkMk id="65" creationId="{E6FA0506-86C9-FE4B-8F89-13735F88B100}"/>
          </ac:inkMkLst>
        </pc:inkChg>
        <pc:inkChg chg="add del topLvl">
          <ac:chgData name="David Lindero" userId="99e779fe-8d8e-44db-9ba6-c59f9563b2fa" providerId="ADAL" clId="{725E150F-BFE4-3B40-A586-85058906F51A}" dt="2021-06-08T08:51:31.138" v="70"/>
          <ac:inkMkLst>
            <pc:docMk/>
            <pc:sldMk cId="1686217449" sldId="273"/>
            <ac:inkMk id="66" creationId="{054BF364-8947-0449-BD28-A3A3804221B9}"/>
          </ac:inkMkLst>
        </pc:inkChg>
        <pc:inkChg chg="add">
          <ac:chgData name="David Lindero" userId="99e779fe-8d8e-44db-9ba6-c59f9563b2fa" providerId="ADAL" clId="{725E150F-BFE4-3B40-A586-85058906F51A}" dt="2021-06-08T11:00:15.517" v="446"/>
          <ac:inkMkLst>
            <pc:docMk/>
            <pc:sldMk cId="1686217449" sldId="273"/>
            <ac:inkMk id="67" creationId="{2B80FF5F-7406-364D-8B31-B5506C1FD00B}"/>
          </ac:inkMkLst>
        </pc:inkChg>
        <pc:inkChg chg="add del topLvl">
          <ac:chgData name="David Lindero" userId="99e779fe-8d8e-44db-9ba6-c59f9563b2fa" providerId="ADAL" clId="{725E150F-BFE4-3B40-A586-85058906F51A}" dt="2021-06-08T08:51:30.771" v="69"/>
          <ac:inkMkLst>
            <pc:docMk/>
            <pc:sldMk cId="1686217449" sldId="273"/>
            <ac:inkMk id="67" creationId="{84BF7BD3-545A-1145-A5C6-06E5B46B9800}"/>
          </ac:inkMkLst>
        </pc:inkChg>
        <pc:inkChg chg="add">
          <ac:chgData name="David Lindero" userId="99e779fe-8d8e-44db-9ba6-c59f9563b2fa" providerId="ADAL" clId="{725E150F-BFE4-3B40-A586-85058906F51A}" dt="2021-06-08T11:00:19.507" v="447"/>
          <ac:inkMkLst>
            <pc:docMk/>
            <pc:sldMk cId="1686217449" sldId="273"/>
            <ac:inkMk id="68" creationId="{97B6D39A-1A02-CB44-8CEB-FC900E1578CF}"/>
          </ac:inkMkLst>
        </pc:inkChg>
        <pc:inkChg chg="add del topLvl">
          <ac:chgData name="David Lindero" userId="99e779fe-8d8e-44db-9ba6-c59f9563b2fa" providerId="ADAL" clId="{725E150F-BFE4-3B40-A586-85058906F51A}" dt="2021-06-08T08:52:33.215" v="108"/>
          <ac:inkMkLst>
            <pc:docMk/>
            <pc:sldMk cId="1686217449" sldId="273"/>
            <ac:inkMk id="69" creationId="{32D8377E-5655-6146-8832-3E357B4BDC7C}"/>
          </ac:inkMkLst>
        </pc:inkChg>
        <pc:inkChg chg="add">
          <ac:chgData name="David Lindero" userId="99e779fe-8d8e-44db-9ba6-c59f9563b2fa" providerId="ADAL" clId="{725E150F-BFE4-3B40-A586-85058906F51A}" dt="2021-06-08T11:00:21.760" v="448"/>
          <ac:inkMkLst>
            <pc:docMk/>
            <pc:sldMk cId="1686217449" sldId="273"/>
            <ac:inkMk id="69" creationId="{D90C82CE-4825-0942-937E-3A583999C087}"/>
          </ac:inkMkLst>
        </pc:inkChg>
        <pc:inkChg chg="add del topLvl">
          <ac:chgData name="David Lindero" userId="99e779fe-8d8e-44db-9ba6-c59f9563b2fa" providerId="ADAL" clId="{725E150F-BFE4-3B40-A586-85058906F51A}" dt="2021-06-08T08:51:49.091" v="79"/>
          <ac:inkMkLst>
            <pc:docMk/>
            <pc:sldMk cId="1686217449" sldId="273"/>
            <ac:inkMk id="70" creationId="{83B4250D-934A-B749-B31A-B8E7E108D398}"/>
          </ac:inkMkLst>
        </pc:inkChg>
        <pc:inkChg chg="add">
          <ac:chgData name="David Lindero" userId="99e779fe-8d8e-44db-9ba6-c59f9563b2fa" providerId="ADAL" clId="{725E150F-BFE4-3B40-A586-85058906F51A}" dt="2021-06-08T11:00:27.186" v="449"/>
          <ac:inkMkLst>
            <pc:docMk/>
            <pc:sldMk cId="1686217449" sldId="273"/>
            <ac:inkMk id="70" creationId="{F8ED4432-61A0-8541-B603-DD41D5A579D7}"/>
          </ac:inkMkLst>
        </pc:inkChg>
        <pc:inkChg chg="add">
          <ac:chgData name="David Lindero" userId="99e779fe-8d8e-44db-9ba6-c59f9563b2fa" providerId="ADAL" clId="{725E150F-BFE4-3B40-A586-85058906F51A}" dt="2021-06-08T11:07:36.450" v="462"/>
          <ac:inkMkLst>
            <pc:docMk/>
            <pc:sldMk cId="1686217449" sldId="273"/>
            <ac:inkMk id="71" creationId="{D59ADF30-E074-2440-B46D-70290E8B8B79}"/>
          </ac:inkMkLst>
        </pc:inkChg>
        <pc:inkChg chg="add">
          <ac:chgData name="David Lindero" userId="99e779fe-8d8e-44db-9ba6-c59f9563b2fa" providerId="ADAL" clId="{725E150F-BFE4-3B40-A586-85058906F51A}" dt="2021-06-08T11:07:42.302" v="463"/>
          <ac:inkMkLst>
            <pc:docMk/>
            <pc:sldMk cId="1686217449" sldId="273"/>
            <ac:inkMk id="72" creationId="{7528BA2A-3FCE-854B-863C-278313401FFE}"/>
          </ac:inkMkLst>
        </pc:inkChg>
        <pc:inkChg chg="add del topLvl">
          <ac:chgData name="David Lindero" userId="99e779fe-8d8e-44db-9ba6-c59f9563b2fa" providerId="ADAL" clId="{725E150F-BFE4-3B40-A586-85058906F51A}" dt="2021-06-08T08:52:33.234" v="116"/>
          <ac:inkMkLst>
            <pc:docMk/>
            <pc:sldMk cId="1686217449" sldId="273"/>
            <ac:inkMk id="72" creationId="{79104215-E29A-D544-8E40-601685DE7894}"/>
          </ac:inkMkLst>
        </pc:inkChg>
        <pc:inkChg chg="add del topLvl">
          <ac:chgData name="David Lindero" userId="99e779fe-8d8e-44db-9ba6-c59f9563b2fa" providerId="ADAL" clId="{725E150F-BFE4-3B40-A586-85058906F51A}" dt="2021-06-08T08:52:33.253" v="124"/>
          <ac:inkMkLst>
            <pc:docMk/>
            <pc:sldMk cId="1686217449" sldId="273"/>
            <ac:inkMk id="73" creationId="{787EC09A-432B-0342-AC4E-88D8AD18E3D2}"/>
          </ac:inkMkLst>
        </pc:inkChg>
        <pc:inkChg chg="add">
          <ac:chgData name="David Lindero" userId="99e779fe-8d8e-44db-9ba6-c59f9563b2fa" providerId="ADAL" clId="{725E150F-BFE4-3B40-A586-85058906F51A}" dt="2021-06-08T11:07:44.448" v="464"/>
          <ac:inkMkLst>
            <pc:docMk/>
            <pc:sldMk cId="1686217449" sldId="273"/>
            <ac:inkMk id="73" creationId="{AEB972FA-6190-0046-8CAE-80D86A1684F5}"/>
          </ac:inkMkLst>
        </pc:inkChg>
        <pc:inkChg chg="add del topLvl">
          <ac:chgData name="David Lindero" userId="99e779fe-8d8e-44db-9ba6-c59f9563b2fa" providerId="ADAL" clId="{725E150F-BFE4-3B40-A586-85058906F51A}" dt="2021-06-08T08:52:33.244" v="121"/>
          <ac:inkMkLst>
            <pc:docMk/>
            <pc:sldMk cId="1686217449" sldId="273"/>
            <ac:inkMk id="74" creationId="{6CA92915-7657-904B-92C7-F6AC473D1FB8}"/>
          </ac:inkMkLst>
        </pc:inkChg>
        <pc:inkChg chg="add">
          <ac:chgData name="David Lindero" userId="99e779fe-8d8e-44db-9ba6-c59f9563b2fa" providerId="ADAL" clId="{725E150F-BFE4-3B40-A586-85058906F51A}" dt="2021-06-08T11:07:57.327" v="466"/>
          <ac:inkMkLst>
            <pc:docMk/>
            <pc:sldMk cId="1686217449" sldId="273"/>
            <ac:inkMk id="75" creationId="{2FA2777E-870C-084C-ACF9-131E38108EB8}"/>
          </ac:inkMkLst>
        </pc:inkChg>
        <pc:inkChg chg="add del topLvl">
          <ac:chgData name="David Lindero" userId="99e779fe-8d8e-44db-9ba6-c59f9563b2fa" providerId="ADAL" clId="{725E150F-BFE4-3B40-A586-85058906F51A}" dt="2021-06-08T08:52:33.238" v="118"/>
          <ac:inkMkLst>
            <pc:docMk/>
            <pc:sldMk cId="1686217449" sldId="273"/>
            <ac:inkMk id="75" creationId="{98BF2C7F-5B44-AF45-9948-996E9CA49493}"/>
          </ac:inkMkLst>
        </pc:inkChg>
        <pc:inkChg chg="add del topLvl">
          <ac:chgData name="David Lindero" userId="99e779fe-8d8e-44db-9ba6-c59f9563b2fa" providerId="ADAL" clId="{725E150F-BFE4-3B40-A586-85058906F51A}" dt="2021-06-08T08:52:33.257" v="126"/>
          <ac:inkMkLst>
            <pc:docMk/>
            <pc:sldMk cId="1686217449" sldId="273"/>
            <ac:inkMk id="76" creationId="{2F25D158-85A7-F94B-888B-58E36A1B2264}"/>
          </ac:inkMkLst>
        </pc:inkChg>
        <pc:inkChg chg="add">
          <ac:chgData name="David Lindero" userId="99e779fe-8d8e-44db-9ba6-c59f9563b2fa" providerId="ADAL" clId="{725E150F-BFE4-3B40-A586-85058906F51A}" dt="2021-06-08T11:08:08.911" v="467"/>
          <ac:inkMkLst>
            <pc:docMk/>
            <pc:sldMk cId="1686217449" sldId="273"/>
            <ac:inkMk id="76" creationId="{365DDE4C-0808-574C-A2C6-15870E5A16A3}"/>
          </ac:inkMkLst>
        </pc:inkChg>
        <pc:inkChg chg="add del topLvl">
          <ac:chgData name="David Lindero" userId="99e779fe-8d8e-44db-9ba6-c59f9563b2fa" providerId="ADAL" clId="{725E150F-BFE4-3B40-A586-85058906F51A}" dt="2021-06-08T08:52:33.240" v="119"/>
          <ac:inkMkLst>
            <pc:docMk/>
            <pc:sldMk cId="1686217449" sldId="273"/>
            <ac:inkMk id="77" creationId="{137F8B87-5CC8-6041-892C-AB9091A82B9A}"/>
          </ac:inkMkLst>
        </pc:inkChg>
        <pc:inkChg chg="add">
          <ac:chgData name="David Lindero" userId="99e779fe-8d8e-44db-9ba6-c59f9563b2fa" providerId="ADAL" clId="{725E150F-BFE4-3B40-A586-85058906F51A}" dt="2021-06-08T11:08:15.722" v="468"/>
          <ac:inkMkLst>
            <pc:docMk/>
            <pc:sldMk cId="1686217449" sldId="273"/>
            <ac:inkMk id="77" creationId="{6EAE5D4E-0789-4343-9AC1-238C8D54186F}"/>
          </ac:inkMkLst>
        </pc:inkChg>
        <pc:inkChg chg="add">
          <ac:chgData name="David Lindero" userId="99e779fe-8d8e-44db-9ba6-c59f9563b2fa" providerId="ADAL" clId="{725E150F-BFE4-3B40-A586-85058906F51A}" dt="2021-06-08T11:08:43.769" v="470"/>
          <ac:inkMkLst>
            <pc:docMk/>
            <pc:sldMk cId="1686217449" sldId="273"/>
            <ac:inkMk id="78" creationId="{5913FB9B-DBA8-F349-8CD6-E022142CB10B}"/>
          </ac:inkMkLst>
        </pc:inkChg>
        <pc:inkChg chg="add">
          <ac:chgData name="David Lindero" userId="99e779fe-8d8e-44db-9ba6-c59f9563b2fa" providerId="ADAL" clId="{725E150F-BFE4-3B40-A586-85058906F51A}" dt="2021-06-08T11:08:44.935" v="471"/>
          <ac:inkMkLst>
            <pc:docMk/>
            <pc:sldMk cId="1686217449" sldId="273"/>
            <ac:inkMk id="79" creationId="{31674521-12DD-8C44-A759-66FB59904F8F}"/>
          </ac:inkMkLst>
        </pc:inkChg>
        <pc:inkChg chg="add del topLvl">
          <ac:chgData name="David Lindero" userId="99e779fe-8d8e-44db-9ba6-c59f9563b2fa" providerId="ADAL" clId="{725E150F-BFE4-3B40-A586-85058906F51A}" dt="2021-06-08T08:52:33.232" v="115"/>
          <ac:inkMkLst>
            <pc:docMk/>
            <pc:sldMk cId="1686217449" sldId="273"/>
            <ac:inkMk id="79" creationId="{8006FBE6-0319-6A4F-BAAE-9F4C53094813}"/>
          </ac:inkMkLst>
        </pc:inkChg>
        <pc:inkChg chg="add del topLvl">
          <ac:chgData name="David Lindero" userId="99e779fe-8d8e-44db-9ba6-c59f9563b2fa" providerId="ADAL" clId="{725E150F-BFE4-3B40-A586-85058906F51A}" dt="2021-06-08T08:52:33.220" v="110"/>
          <ac:inkMkLst>
            <pc:docMk/>
            <pc:sldMk cId="1686217449" sldId="273"/>
            <ac:inkMk id="80" creationId="{E553F556-A013-284F-A00E-C7C761AA3991}"/>
          </ac:inkMkLst>
        </pc:inkChg>
        <pc:inkChg chg="add">
          <ac:chgData name="David Lindero" userId="99e779fe-8d8e-44db-9ba6-c59f9563b2fa" providerId="ADAL" clId="{725E150F-BFE4-3B40-A586-85058906F51A}" dt="2021-06-08T11:09:04.159" v="474"/>
          <ac:inkMkLst>
            <pc:docMk/>
            <pc:sldMk cId="1686217449" sldId="273"/>
            <ac:inkMk id="81" creationId="{431B1626-F28F-4A40-BBDE-23F07702ADC3}"/>
          </ac:inkMkLst>
        </pc:inkChg>
        <pc:inkChg chg="add del topLvl">
          <ac:chgData name="David Lindero" userId="99e779fe-8d8e-44db-9ba6-c59f9563b2fa" providerId="ADAL" clId="{725E150F-BFE4-3B40-A586-85058906F51A}" dt="2021-06-08T08:52:33.242" v="120"/>
          <ac:inkMkLst>
            <pc:docMk/>
            <pc:sldMk cId="1686217449" sldId="273"/>
            <ac:inkMk id="81" creationId="{E4515396-CF72-544D-837D-DE8B349F794F}"/>
          </ac:inkMkLst>
        </pc:inkChg>
        <pc:inkChg chg="add">
          <ac:chgData name="David Lindero" userId="99e779fe-8d8e-44db-9ba6-c59f9563b2fa" providerId="ADAL" clId="{725E150F-BFE4-3B40-A586-85058906F51A}" dt="2021-06-08T11:09:05.026" v="475"/>
          <ac:inkMkLst>
            <pc:docMk/>
            <pc:sldMk cId="1686217449" sldId="273"/>
            <ac:inkMk id="82" creationId="{65D33FD1-04B6-CC48-9591-0E0957581475}"/>
          </ac:inkMkLst>
        </pc:inkChg>
        <pc:inkChg chg="add del topLvl">
          <ac:chgData name="David Lindero" userId="99e779fe-8d8e-44db-9ba6-c59f9563b2fa" providerId="ADAL" clId="{725E150F-BFE4-3B40-A586-85058906F51A}" dt="2021-06-08T08:52:33.228" v="113"/>
          <ac:inkMkLst>
            <pc:docMk/>
            <pc:sldMk cId="1686217449" sldId="273"/>
            <ac:inkMk id="82" creationId="{C34BB423-2121-0449-931B-393232A75C96}"/>
          </ac:inkMkLst>
        </pc:inkChg>
        <pc:inkChg chg="add">
          <ac:chgData name="David Lindero" userId="99e779fe-8d8e-44db-9ba6-c59f9563b2fa" providerId="ADAL" clId="{725E150F-BFE4-3B40-A586-85058906F51A}" dt="2021-06-08T11:16:13.456" v="497"/>
          <ac:inkMkLst>
            <pc:docMk/>
            <pc:sldMk cId="1686217449" sldId="273"/>
            <ac:inkMk id="84" creationId="{28F871A9-967D-E34B-B0C4-954B3AF3370C}"/>
          </ac:inkMkLst>
        </pc:inkChg>
        <pc:inkChg chg="add del">
          <ac:chgData name="David Lindero" userId="99e779fe-8d8e-44db-9ba6-c59f9563b2fa" providerId="ADAL" clId="{725E150F-BFE4-3B40-A586-85058906F51A}" dt="2021-06-08T11:09:17.196" v="479"/>
          <ac:inkMkLst>
            <pc:docMk/>
            <pc:sldMk cId="1686217449" sldId="273"/>
            <ac:inkMk id="84" creationId="{2B6DFB81-7151-E541-8B3A-8281D26648EB}"/>
          </ac:inkMkLst>
        </pc:inkChg>
        <pc:inkChg chg="add del">
          <ac:chgData name="David Lindero" userId="99e779fe-8d8e-44db-9ba6-c59f9563b2fa" providerId="ADAL" clId="{725E150F-BFE4-3B40-A586-85058906F51A}" dt="2021-06-08T08:52:33.217" v="109"/>
          <ac:inkMkLst>
            <pc:docMk/>
            <pc:sldMk cId="1686217449" sldId="273"/>
            <ac:inkMk id="84" creationId="{B732E540-AB2E-B84C-BD6C-67E5FBD80958}"/>
          </ac:inkMkLst>
        </pc:inkChg>
        <pc:inkChg chg="add">
          <ac:chgData name="David Lindero" userId="99e779fe-8d8e-44db-9ba6-c59f9563b2fa" providerId="ADAL" clId="{725E150F-BFE4-3B40-A586-85058906F51A}" dt="2021-06-08T11:09:26.309" v="481"/>
          <ac:inkMkLst>
            <pc:docMk/>
            <pc:sldMk cId="1686217449" sldId="273"/>
            <ac:inkMk id="85" creationId="{4C2088D6-DC79-EC43-BF97-D47B61A4F188}"/>
          </ac:inkMkLst>
        </pc:inkChg>
        <pc:inkChg chg="add del">
          <ac:chgData name="David Lindero" userId="99e779fe-8d8e-44db-9ba6-c59f9563b2fa" providerId="ADAL" clId="{725E150F-BFE4-3B40-A586-85058906F51A}" dt="2021-06-08T08:52:33.246" v="122"/>
          <ac:inkMkLst>
            <pc:docMk/>
            <pc:sldMk cId="1686217449" sldId="273"/>
            <ac:inkMk id="85" creationId="{69098465-9FD0-B746-AA31-F50493F8CCFC}"/>
          </ac:inkMkLst>
        </pc:inkChg>
        <pc:inkChg chg="add">
          <ac:chgData name="David Lindero" userId="99e779fe-8d8e-44db-9ba6-c59f9563b2fa" providerId="ADAL" clId="{725E150F-BFE4-3B40-A586-85058906F51A}" dt="2021-06-08T11:09:27.389" v="482"/>
          <ac:inkMkLst>
            <pc:docMk/>
            <pc:sldMk cId="1686217449" sldId="273"/>
            <ac:inkMk id="86" creationId="{473D3768-A216-894B-8522-A1C950A4D00A}"/>
          </ac:inkMkLst>
        </pc:inkChg>
        <pc:inkChg chg="add del topLvl">
          <ac:chgData name="David Lindero" userId="99e779fe-8d8e-44db-9ba6-c59f9563b2fa" providerId="ADAL" clId="{725E150F-BFE4-3B40-A586-85058906F51A}" dt="2021-06-08T08:52:33.236" v="117"/>
          <ac:inkMkLst>
            <pc:docMk/>
            <pc:sldMk cId="1686217449" sldId="273"/>
            <ac:inkMk id="87" creationId="{175784A2-BE12-794B-8C41-6BB8B473A52D}"/>
          </ac:inkMkLst>
        </pc:inkChg>
        <pc:inkChg chg="add">
          <ac:chgData name="David Lindero" userId="99e779fe-8d8e-44db-9ba6-c59f9563b2fa" providerId="ADAL" clId="{725E150F-BFE4-3B40-A586-85058906F51A}" dt="2021-06-08T11:16:14.074" v="498"/>
          <ac:inkMkLst>
            <pc:docMk/>
            <pc:sldMk cId="1686217449" sldId="273"/>
            <ac:inkMk id="88" creationId="{50999DA7-1BD5-5B46-83BB-8E72ABB689A6}"/>
          </ac:inkMkLst>
        </pc:inkChg>
        <pc:inkChg chg="add del topLvl">
          <ac:chgData name="David Lindero" userId="99e779fe-8d8e-44db-9ba6-c59f9563b2fa" providerId="ADAL" clId="{725E150F-BFE4-3B40-A586-85058906F51A}" dt="2021-06-08T08:52:33.225" v="112"/>
          <ac:inkMkLst>
            <pc:docMk/>
            <pc:sldMk cId="1686217449" sldId="273"/>
            <ac:inkMk id="88" creationId="{CA2EBD25-A86D-1349-8903-94588138DF67}"/>
          </ac:inkMkLst>
        </pc:inkChg>
        <pc:inkChg chg="add">
          <ac:chgData name="David Lindero" userId="99e779fe-8d8e-44db-9ba6-c59f9563b2fa" providerId="ADAL" clId="{725E150F-BFE4-3B40-A586-85058906F51A}" dt="2021-06-08T11:16:14.738" v="499"/>
          <ac:inkMkLst>
            <pc:docMk/>
            <pc:sldMk cId="1686217449" sldId="273"/>
            <ac:inkMk id="89" creationId="{6FE4B44E-8AFF-8D49-87EE-68E2499F36BF}"/>
          </ac:inkMkLst>
        </pc:inkChg>
        <pc:inkChg chg="add del topLvl">
          <ac:chgData name="David Lindero" userId="99e779fe-8d8e-44db-9ba6-c59f9563b2fa" providerId="ADAL" clId="{725E150F-BFE4-3B40-A586-85058906F51A}" dt="2021-06-08T08:52:16.473" v="101"/>
          <ac:inkMkLst>
            <pc:docMk/>
            <pc:sldMk cId="1686217449" sldId="273"/>
            <ac:inkMk id="89" creationId="{9839CE40-A95D-7B44-AFC6-00C3303B71F7}"/>
          </ac:inkMkLst>
        </pc:inkChg>
        <pc:inkChg chg="add del topLvl">
          <ac:chgData name="David Lindero" userId="99e779fe-8d8e-44db-9ba6-c59f9563b2fa" providerId="ADAL" clId="{725E150F-BFE4-3B40-A586-85058906F51A}" dt="2021-06-08T08:52:16.270" v="100"/>
          <ac:inkMkLst>
            <pc:docMk/>
            <pc:sldMk cId="1686217449" sldId="273"/>
            <ac:inkMk id="90" creationId="{65657BCE-AFA7-3848-8DAB-1F0968BC3B56}"/>
          </ac:inkMkLst>
        </pc:inkChg>
        <pc:inkChg chg="add">
          <ac:chgData name="David Lindero" userId="99e779fe-8d8e-44db-9ba6-c59f9563b2fa" providerId="ADAL" clId="{725E150F-BFE4-3B40-A586-85058906F51A}" dt="2021-06-08T11:16:16.091" v="501"/>
          <ac:inkMkLst>
            <pc:docMk/>
            <pc:sldMk cId="1686217449" sldId="273"/>
            <ac:inkMk id="91" creationId="{273DBC32-22BF-5249-A1E2-0E49C2FA7BD5}"/>
          </ac:inkMkLst>
        </pc:inkChg>
        <pc:inkChg chg="add">
          <ac:chgData name="David Lindero" userId="99e779fe-8d8e-44db-9ba6-c59f9563b2fa" providerId="ADAL" clId="{725E150F-BFE4-3B40-A586-85058906F51A}" dt="2021-06-08T11:16:16.871" v="502"/>
          <ac:inkMkLst>
            <pc:docMk/>
            <pc:sldMk cId="1686217449" sldId="273"/>
            <ac:inkMk id="92" creationId="{6DFB4D4E-E11F-C246-B112-DD50B1E1D6ED}"/>
          </ac:inkMkLst>
        </pc:inkChg>
        <pc:inkChg chg="add del topLvl">
          <ac:chgData name="David Lindero" userId="99e779fe-8d8e-44db-9ba6-c59f9563b2fa" providerId="ADAL" clId="{725E150F-BFE4-3B40-A586-85058906F51A}" dt="2021-06-08T08:52:33.255" v="125"/>
          <ac:inkMkLst>
            <pc:docMk/>
            <pc:sldMk cId="1686217449" sldId="273"/>
            <ac:inkMk id="92" creationId="{9E9D808B-B65B-8E48-8954-857AD1678A32}"/>
          </ac:inkMkLst>
        </pc:inkChg>
        <pc:inkChg chg="add">
          <ac:chgData name="David Lindero" userId="99e779fe-8d8e-44db-9ba6-c59f9563b2fa" providerId="ADAL" clId="{725E150F-BFE4-3B40-A586-85058906F51A}" dt="2021-06-08T11:16:17.212" v="503"/>
          <ac:inkMkLst>
            <pc:docMk/>
            <pc:sldMk cId="1686217449" sldId="273"/>
            <ac:inkMk id="93" creationId="{6386D3DE-64CD-3C41-B6F3-09A0AB47BB9D}"/>
          </ac:inkMkLst>
        </pc:inkChg>
        <pc:inkChg chg="add del">
          <ac:chgData name="David Lindero" userId="99e779fe-8d8e-44db-9ba6-c59f9563b2fa" providerId="ADAL" clId="{725E150F-BFE4-3B40-A586-85058906F51A}" dt="2021-06-08T08:52:33.223" v="111"/>
          <ac:inkMkLst>
            <pc:docMk/>
            <pc:sldMk cId="1686217449" sldId="273"/>
            <ac:inkMk id="94" creationId="{1E17D4AF-F8E9-4A42-ACBB-D4F1D7E6DFD1}"/>
          </ac:inkMkLst>
        </pc:inkChg>
        <pc:inkChg chg="add">
          <ac:chgData name="David Lindero" userId="99e779fe-8d8e-44db-9ba6-c59f9563b2fa" providerId="ADAL" clId="{725E150F-BFE4-3B40-A586-85058906F51A}" dt="2021-06-08T11:16:17.761" v="504"/>
          <ac:inkMkLst>
            <pc:docMk/>
            <pc:sldMk cId="1686217449" sldId="273"/>
            <ac:inkMk id="94" creationId="{78D0305B-04D0-794C-89B1-18D6C129D0E9}"/>
          </ac:inkMkLst>
        </pc:inkChg>
        <pc:inkChg chg="add del topLvl">
          <ac:chgData name="David Lindero" userId="99e779fe-8d8e-44db-9ba6-c59f9563b2fa" providerId="ADAL" clId="{725E150F-BFE4-3B40-A586-85058906F51A}" dt="2021-06-08T08:52:33.249" v="123"/>
          <ac:inkMkLst>
            <pc:docMk/>
            <pc:sldMk cId="1686217449" sldId="273"/>
            <ac:inkMk id="95" creationId="{2B60CB4D-0203-0A43-8700-AAE42C721D90}"/>
          </ac:inkMkLst>
        </pc:inkChg>
        <pc:inkChg chg="add del">
          <ac:chgData name="David Lindero" userId="99e779fe-8d8e-44db-9ba6-c59f9563b2fa" providerId="ADAL" clId="{725E150F-BFE4-3B40-A586-85058906F51A}" dt="2021-06-08T08:52:33.230" v="114"/>
          <ac:inkMkLst>
            <pc:docMk/>
            <pc:sldMk cId="1686217449" sldId="273"/>
            <ac:inkMk id="96" creationId="{76D61BC0-6BD0-C342-97EC-DBF2602B1664}"/>
          </ac:inkMkLst>
        </pc:inkChg>
        <pc:inkChg chg="add topLvl">
          <ac:chgData name="David Lindero" userId="99e779fe-8d8e-44db-9ba6-c59f9563b2fa" providerId="ADAL" clId="{725E150F-BFE4-3B40-A586-85058906F51A}" dt="2021-06-08T11:16:42.347" v="526"/>
          <ac:inkMkLst>
            <pc:docMk/>
            <pc:sldMk cId="1686217449" sldId="273"/>
            <ac:inkMk id="96" creationId="{79C17374-EE20-A545-8AF2-76B3EB0C3C95}"/>
          </ac:inkMkLst>
        </pc:inkChg>
        <pc:inkChg chg="add topLvl">
          <ac:chgData name="David Lindero" userId="99e779fe-8d8e-44db-9ba6-c59f9563b2fa" providerId="ADAL" clId="{725E150F-BFE4-3B40-A586-85058906F51A}" dt="2021-06-08T11:16:42.347" v="526"/>
          <ac:inkMkLst>
            <pc:docMk/>
            <pc:sldMk cId="1686217449" sldId="273"/>
            <ac:inkMk id="97" creationId="{35D7553B-32DB-FF48-9C47-379446074EA7}"/>
          </ac:inkMkLst>
        </pc:inkChg>
        <pc:inkChg chg="add del topLvl">
          <ac:chgData name="David Lindero" userId="99e779fe-8d8e-44db-9ba6-c59f9563b2fa" providerId="ADAL" clId="{725E150F-BFE4-3B40-A586-85058906F51A}" dt="2021-06-08T08:52:54.935" v="149"/>
          <ac:inkMkLst>
            <pc:docMk/>
            <pc:sldMk cId="1686217449" sldId="273"/>
            <ac:inkMk id="98" creationId="{8804E743-FCBC-6842-AFEC-BE3E2FC1EFD5}"/>
          </ac:inkMkLst>
        </pc:inkChg>
        <pc:inkChg chg="add topLvl">
          <ac:chgData name="David Lindero" userId="99e779fe-8d8e-44db-9ba6-c59f9563b2fa" providerId="ADAL" clId="{725E150F-BFE4-3B40-A586-85058906F51A}" dt="2021-06-08T11:16:42.347" v="526"/>
          <ac:inkMkLst>
            <pc:docMk/>
            <pc:sldMk cId="1686217449" sldId="273"/>
            <ac:inkMk id="99" creationId="{53DB1B8A-4C38-554D-A70E-FBBCC6F86FD1}"/>
          </ac:inkMkLst>
        </pc:inkChg>
        <pc:inkChg chg="add del topLvl">
          <ac:chgData name="David Lindero" userId="99e779fe-8d8e-44db-9ba6-c59f9563b2fa" providerId="ADAL" clId="{725E150F-BFE4-3B40-A586-85058906F51A}" dt="2021-06-08T08:52:53.754" v="148"/>
          <ac:inkMkLst>
            <pc:docMk/>
            <pc:sldMk cId="1686217449" sldId="273"/>
            <ac:inkMk id="99" creationId="{9ADFB319-32C2-3347-9CFB-2AABCA22C145}"/>
          </ac:inkMkLst>
        </pc:inkChg>
        <pc:inkChg chg="add topLvl">
          <ac:chgData name="David Lindero" userId="99e779fe-8d8e-44db-9ba6-c59f9563b2fa" providerId="ADAL" clId="{725E150F-BFE4-3B40-A586-85058906F51A}" dt="2021-06-08T11:16:42.347" v="526"/>
          <ac:inkMkLst>
            <pc:docMk/>
            <pc:sldMk cId="1686217449" sldId="273"/>
            <ac:inkMk id="100" creationId="{58182C9F-B5B6-064D-8495-E832AE004BFD}"/>
          </ac:inkMkLst>
        </pc:inkChg>
        <pc:inkChg chg="add del topLvl">
          <ac:chgData name="David Lindero" userId="99e779fe-8d8e-44db-9ba6-c59f9563b2fa" providerId="ADAL" clId="{725E150F-BFE4-3B40-A586-85058906F51A}" dt="2021-06-08T08:52:53.313" v="147"/>
          <ac:inkMkLst>
            <pc:docMk/>
            <pc:sldMk cId="1686217449" sldId="273"/>
            <ac:inkMk id="100" creationId="{C8EA7A14-551D-5846-8AC6-AA5D2529596E}"/>
          </ac:inkMkLst>
        </pc:inkChg>
        <pc:inkChg chg="add topLvl">
          <ac:chgData name="David Lindero" userId="99e779fe-8d8e-44db-9ba6-c59f9563b2fa" providerId="ADAL" clId="{725E150F-BFE4-3B40-A586-85058906F51A}" dt="2021-06-08T11:16:42.347" v="526"/>
          <ac:inkMkLst>
            <pc:docMk/>
            <pc:sldMk cId="1686217449" sldId="273"/>
            <ac:inkMk id="101" creationId="{8ECAA3A2-5DB6-0E45-97ED-2FEBC4B78000}"/>
          </ac:inkMkLst>
        </pc:inkChg>
        <pc:inkChg chg="add del topLvl">
          <ac:chgData name="David Lindero" userId="99e779fe-8d8e-44db-9ba6-c59f9563b2fa" providerId="ADAL" clId="{725E150F-BFE4-3B40-A586-85058906F51A}" dt="2021-06-08T08:52:52.921" v="146"/>
          <ac:inkMkLst>
            <pc:docMk/>
            <pc:sldMk cId="1686217449" sldId="273"/>
            <ac:inkMk id="101" creationId="{FF4C6A22-F5BE-A746-8DFC-545BF575B5F6}"/>
          </ac:inkMkLst>
        </pc:inkChg>
        <pc:inkChg chg="add del topLvl">
          <ac:chgData name="David Lindero" userId="99e779fe-8d8e-44db-9ba6-c59f9563b2fa" providerId="ADAL" clId="{725E150F-BFE4-3B40-A586-85058906F51A}" dt="2021-06-08T08:52:52.590" v="145"/>
          <ac:inkMkLst>
            <pc:docMk/>
            <pc:sldMk cId="1686217449" sldId="273"/>
            <ac:inkMk id="102" creationId="{2C8041D4-8A01-DB47-BE64-C3204A73800A}"/>
          </ac:inkMkLst>
        </pc:inkChg>
        <pc:inkChg chg="add topLvl">
          <ac:chgData name="David Lindero" userId="99e779fe-8d8e-44db-9ba6-c59f9563b2fa" providerId="ADAL" clId="{725E150F-BFE4-3B40-A586-85058906F51A}" dt="2021-06-08T11:16:42.347" v="526"/>
          <ac:inkMkLst>
            <pc:docMk/>
            <pc:sldMk cId="1686217449" sldId="273"/>
            <ac:inkMk id="102" creationId="{99D9F516-5174-7347-8EA0-58B1508740C2}"/>
          </ac:inkMkLst>
        </pc:inkChg>
        <pc:inkChg chg="add del topLvl">
          <ac:chgData name="David Lindero" userId="99e779fe-8d8e-44db-9ba6-c59f9563b2fa" providerId="ADAL" clId="{725E150F-BFE4-3B40-A586-85058906F51A}" dt="2021-06-08T08:52:51.879" v="144"/>
          <ac:inkMkLst>
            <pc:docMk/>
            <pc:sldMk cId="1686217449" sldId="273"/>
            <ac:inkMk id="103" creationId="{670AC070-B481-E44F-B1E8-CB9FB2129EEB}"/>
          </ac:inkMkLst>
        </pc:inkChg>
        <pc:inkChg chg="add del topLvl">
          <ac:chgData name="David Lindero" userId="99e779fe-8d8e-44db-9ba6-c59f9563b2fa" providerId="ADAL" clId="{725E150F-BFE4-3B40-A586-85058906F51A}" dt="2021-06-08T11:16:50.293" v="536"/>
          <ac:inkMkLst>
            <pc:docMk/>
            <pc:sldMk cId="1686217449" sldId="273"/>
            <ac:inkMk id="104" creationId="{9929BF6E-F07F-6D46-8166-A22C5651B679}"/>
          </ac:inkMkLst>
        </pc:inkChg>
        <pc:inkChg chg="add del topLvl">
          <ac:chgData name="David Lindero" userId="99e779fe-8d8e-44db-9ba6-c59f9563b2fa" providerId="ADAL" clId="{725E150F-BFE4-3B40-A586-85058906F51A}" dt="2021-06-08T08:52:51.527" v="143"/>
          <ac:inkMkLst>
            <pc:docMk/>
            <pc:sldMk cId="1686217449" sldId="273"/>
            <ac:inkMk id="104" creationId="{E0A9CAAD-5E7A-F044-9D70-5AC24AAED597}"/>
          </ac:inkMkLst>
        </pc:inkChg>
        <pc:inkChg chg="add del topLvl">
          <ac:chgData name="David Lindero" userId="99e779fe-8d8e-44db-9ba6-c59f9563b2fa" providerId="ADAL" clId="{725E150F-BFE4-3B40-A586-85058906F51A}" dt="2021-06-08T11:16:49.469" v="535"/>
          <ac:inkMkLst>
            <pc:docMk/>
            <pc:sldMk cId="1686217449" sldId="273"/>
            <ac:inkMk id="105" creationId="{2E6DAC37-C74F-A847-B33A-7EC8C82D0186}"/>
          </ac:inkMkLst>
        </pc:inkChg>
        <pc:inkChg chg="add del topLvl">
          <ac:chgData name="David Lindero" userId="99e779fe-8d8e-44db-9ba6-c59f9563b2fa" providerId="ADAL" clId="{725E150F-BFE4-3B40-A586-85058906F51A}" dt="2021-06-08T08:52:51.273" v="142"/>
          <ac:inkMkLst>
            <pc:docMk/>
            <pc:sldMk cId="1686217449" sldId="273"/>
            <ac:inkMk id="105" creationId="{B84BF0B2-2766-9040-822D-2596F50CB63D}"/>
          </ac:inkMkLst>
        </pc:inkChg>
        <pc:inkChg chg="add del topLvl">
          <ac:chgData name="David Lindero" userId="99e779fe-8d8e-44db-9ba6-c59f9563b2fa" providerId="ADAL" clId="{725E150F-BFE4-3B40-A586-85058906F51A}" dt="2021-06-08T11:16:48.595" v="534"/>
          <ac:inkMkLst>
            <pc:docMk/>
            <pc:sldMk cId="1686217449" sldId="273"/>
            <ac:inkMk id="106" creationId="{B862E7AE-5DD1-724C-840D-E01CA8502FB1}"/>
          </ac:inkMkLst>
        </pc:inkChg>
        <pc:inkChg chg="add del topLvl">
          <ac:chgData name="David Lindero" userId="99e779fe-8d8e-44db-9ba6-c59f9563b2fa" providerId="ADAL" clId="{725E150F-BFE4-3B40-A586-85058906F51A}" dt="2021-06-08T08:52:49.540" v="141"/>
          <ac:inkMkLst>
            <pc:docMk/>
            <pc:sldMk cId="1686217449" sldId="273"/>
            <ac:inkMk id="106" creationId="{CFA7A0A8-C787-134D-8D71-7FA487DA9BDB}"/>
          </ac:inkMkLst>
        </pc:inkChg>
        <pc:inkChg chg="add del topLvl">
          <ac:chgData name="David Lindero" userId="99e779fe-8d8e-44db-9ba6-c59f9563b2fa" providerId="ADAL" clId="{725E150F-BFE4-3B40-A586-85058906F51A}" dt="2021-06-08T11:16:48.256" v="533"/>
          <ac:inkMkLst>
            <pc:docMk/>
            <pc:sldMk cId="1686217449" sldId="273"/>
            <ac:inkMk id="107" creationId="{19E4615C-C5EE-6F4F-BD26-E9EC1DEFF73E}"/>
          </ac:inkMkLst>
        </pc:inkChg>
        <pc:inkChg chg="add del topLvl">
          <ac:chgData name="David Lindero" userId="99e779fe-8d8e-44db-9ba6-c59f9563b2fa" providerId="ADAL" clId="{725E150F-BFE4-3B40-A586-85058906F51A}" dt="2021-06-08T08:52:49.366" v="140"/>
          <ac:inkMkLst>
            <pc:docMk/>
            <pc:sldMk cId="1686217449" sldId="273"/>
            <ac:inkMk id="107" creationId="{463687C8-B28D-FF4A-802A-05DBA4784357}"/>
          </ac:inkMkLst>
        </pc:inkChg>
        <pc:inkChg chg="add del topLvl">
          <ac:chgData name="David Lindero" userId="99e779fe-8d8e-44db-9ba6-c59f9563b2fa" providerId="ADAL" clId="{725E150F-BFE4-3B40-A586-85058906F51A}" dt="2021-06-08T08:52:49.141" v="139"/>
          <ac:inkMkLst>
            <pc:docMk/>
            <pc:sldMk cId="1686217449" sldId="273"/>
            <ac:inkMk id="108" creationId="{8308D9C9-776B-1546-BD0F-4B5872A190F1}"/>
          </ac:inkMkLst>
        </pc:inkChg>
        <pc:inkChg chg="add del topLvl">
          <ac:chgData name="David Lindero" userId="99e779fe-8d8e-44db-9ba6-c59f9563b2fa" providerId="ADAL" clId="{725E150F-BFE4-3B40-A586-85058906F51A}" dt="2021-06-08T11:16:46.618" v="532"/>
          <ac:inkMkLst>
            <pc:docMk/>
            <pc:sldMk cId="1686217449" sldId="273"/>
            <ac:inkMk id="108" creationId="{A01F3189-C00E-E94C-A057-9EA5A3134DB9}"/>
          </ac:inkMkLst>
        </pc:inkChg>
        <pc:inkChg chg="add del topLvl">
          <ac:chgData name="David Lindero" userId="99e779fe-8d8e-44db-9ba6-c59f9563b2fa" providerId="ADAL" clId="{725E150F-BFE4-3B40-A586-85058906F51A}" dt="2021-06-08T11:16:46.137" v="531"/>
          <ac:inkMkLst>
            <pc:docMk/>
            <pc:sldMk cId="1686217449" sldId="273"/>
            <ac:inkMk id="109" creationId="{F38FE1F1-F5E3-9E46-BEF2-5D29EBAAB220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10" creationId="{CC581DD9-613F-E344-9863-D36683F38D8C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11" creationId="{7642FF70-0189-3B4F-B252-084C6CC4EF16}"/>
          </ac:inkMkLst>
        </pc:inkChg>
        <pc:inkChg chg="add del topLvl">
          <ac:chgData name="David Lindero" userId="99e779fe-8d8e-44db-9ba6-c59f9563b2fa" providerId="ADAL" clId="{725E150F-BFE4-3B40-A586-85058906F51A}" dt="2021-06-08T11:16:45.161" v="530"/>
          <ac:inkMkLst>
            <pc:docMk/>
            <pc:sldMk cId="1686217449" sldId="273"/>
            <ac:inkMk id="112" creationId="{EE8C0623-44F5-C145-9D81-210754CB0836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13" creationId="{7A3B3B1E-DF50-0C40-824F-6DD3CB7F5F5E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14" creationId="{78F0C2FF-0701-1B42-BF74-5C52B40864D8}"/>
          </ac:inkMkLst>
        </pc:inkChg>
        <pc:inkChg chg="add mod topLvl">
          <ac:chgData name="David Lindero" userId="99e779fe-8d8e-44db-9ba6-c59f9563b2fa" providerId="ADAL" clId="{725E150F-BFE4-3B40-A586-85058906F51A}" dt="2021-06-08T11:09:46.825" v="485" actId="1076"/>
          <ac:inkMkLst>
            <pc:docMk/>
            <pc:sldMk cId="1686217449" sldId="273"/>
            <ac:inkMk id="115" creationId="{FFC577EC-1F96-194C-A6C9-D8103638FF92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16" creationId="{A5463B20-C026-4A4F-B403-A3CC99743548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17" creationId="{29DFAFEC-EF95-1B43-9D09-8DC58C28403E}"/>
          </ac:inkMkLst>
        </pc:inkChg>
        <pc:inkChg chg="add del topLvl">
          <ac:chgData name="David Lindero" userId="99e779fe-8d8e-44db-9ba6-c59f9563b2fa" providerId="ADAL" clId="{725E150F-BFE4-3B40-A586-85058906F51A}" dt="2021-06-08T11:16:44.739" v="529"/>
          <ac:inkMkLst>
            <pc:docMk/>
            <pc:sldMk cId="1686217449" sldId="273"/>
            <ac:inkMk id="118" creationId="{347F6A04-E64D-E04F-BE89-999397ADD881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19" creationId="{E4E02FC1-592E-8744-9313-2695861E169C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20" creationId="{F819C8C4-18B8-EB49-AF95-81C67D85F55C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21" creationId="{76EF2507-D014-9A4B-9CE7-C2749DC46BB5}"/>
          </ac:inkMkLst>
        </pc:inkChg>
        <pc:inkChg chg="add del topLvl">
          <ac:chgData name="David Lindero" userId="99e779fe-8d8e-44db-9ba6-c59f9563b2fa" providerId="ADAL" clId="{725E150F-BFE4-3B40-A586-85058906F51A}" dt="2021-06-08T11:16:44.324" v="528"/>
          <ac:inkMkLst>
            <pc:docMk/>
            <pc:sldMk cId="1686217449" sldId="273"/>
            <ac:inkMk id="122" creationId="{699BBD40-36CB-8446-87DF-594B2B20B4BA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23" creationId="{9108C339-53DF-3043-BB31-89D7B0DE297E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24" creationId="{E8FAA9E0-9891-564B-B0DF-9928C3C647B7}"/>
          </ac:inkMkLst>
        </pc:inkChg>
        <pc:inkChg chg="add topLvl">
          <ac:chgData name="David Lindero" userId="99e779fe-8d8e-44db-9ba6-c59f9563b2fa" providerId="ADAL" clId="{725E150F-BFE4-3B40-A586-85058906F51A}" dt="2021-06-08T08:53:27.146" v="184"/>
          <ac:inkMkLst>
            <pc:docMk/>
            <pc:sldMk cId="1686217449" sldId="273"/>
            <ac:inkMk id="125" creationId="{0EC80B59-A56A-8D45-B572-B549C05BAB07}"/>
          </ac:inkMkLst>
        </pc:inkChg>
        <pc:inkChg chg="add del topLvl">
          <ac:chgData name="David Lindero" userId="99e779fe-8d8e-44db-9ba6-c59f9563b2fa" providerId="ADAL" clId="{725E150F-BFE4-3B40-A586-85058906F51A}" dt="2021-06-08T11:16:43.894" v="527"/>
          <ac:inkMkLst>
            <pc:docMk/>
            <pc:sldMk cId="1686217449" sldId="273"/>
            <ac:inkMk id="126" creationId="{38130CF0-CA17-4348-86DA-E9D898FF188B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27" creationId="{B92BE4CA-4648-A145-929D-1767B59DCB82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28" creationId="{8C0763FF-7B31-384A-BD73-7C3130BCE349}"/>
          </ac:inkMkLst>
        </pc:inkChg>
        <pc:inkChg chg="add del topLvl">
          <ac:chgData name="David Lindero" userId="99e779fe-8d8e-44db-9ba6-c59f9563b2fa" providerId="ADAL" clId="{725E150F-BFE4-3B40-A586-85058906F51A}" dt="2021-06-08T11:16:42.347" v="526"/>
          <ac:inkMkLst>
            <pc:docMk/>
            <pc:sldMk cId="1686217449" sldId="273"/>
            <ac:inkMk id="129" creationId="{150E682E-4099-084E-9B1E-31F375A13B4E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30" creationId="{74C6F764-9BDC-6C4D-95B4-5DFA2261D900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31" creationId="{BC800062-3F2E-4F47-AF75-5CE9EA9553B8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32" creationId="{DEB851A8-E04A-F340-B037-15B725B60C31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33" creationId="{0EC8BE62-4F4C-3D48-B3B3-819BABA072E6}"/>
          </ac:inkMkLst>
        </pc:inkChg>
        <pc:inkChg chg="add del topLvl">
          <ac:chgData name="David Lindero" userId="99e779fe-8d8e-44db-9ba6-c59f9563b2fa" providerId="ADAL" clId="{725E150F-BFE4-3B40-A586-85058906F51A}" dt="2021-06-08T08:53:21.446" v="176"/>
          <ac:inkMkLst>
            <pc:docMk/>
            <pc:sldMk cId="1686217449" sldId="273"/>
            <ac:inkMk id="134" creationId="{A5C1005D-AD91-DE4C-9F93-0091D36242B1}"/>
          </ac:inkMkLst>
        </pc:inkChg>
        <pc:inkChg chg="add topLvl">
          <ac:chgData name="David Lindero" userId="99e779fe-8d8e-44db-9ba6-c59f9563b2fa" providerId="ADAL" clId="{725E150F-BFE4-3B40-A586-85058906F51A}" dt="2021-06-08T11:16:59.176" v="550"/>
          <ac:inkMkLst>
            <pc:docMk/>
            <pc:sldMk cId="1686217449" sldId="273"/>
            <ac:inkMk id="135" creationId="{E7F8B697-46E2-9441-820E-494741CAD0BD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36" creationId="{7395CB1B-D9FB-CC42-B27A-80614B499CC4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37" creationId="{E82AE616-B1ED-A14B-9CBE-A944BC43F3F9}"/>
          </ac:inkMkLst>
        </pc:inkChg>
        <pc:inkChg chg="add topLvl">
          <ac:chgData name="David Lindero" userId="99e779fe-8d8e-44db-9ba6-c59f9563b2fa" providerId="ADAL" clId="{725E150F-BFE4-3B40-A586-85058906F51A}" dt="2021-06-08T11:16:59.176" v="550"/>
          <ac:inkMkLst>
            <pc:docMk/>
            <pc:sldMk cId="1686217449" sldId="273"/>
            <ac:inkMk id="138" creationId="{A552E207-CD73-974E-8C78-246A56AD944A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39" creationId="{DD708D7C-1628-6F48-AAEA-2C059EB44D25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40" creationId="{D5C9F4ED-1C3A-AE4E-B917-195F3B208F03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41" creationId="{0A86456D-EA30-CB49-9275-ADD368103AC0}"/>
          </ac:inkMkLst>
        </pc:inkChg>
        <pc:inkChg chg="add topLvl">
          <ac:chgData name="David Lindero" userId="99e779fe-8d8e-44db-9ba6-c59f9563b2fa" providerId="ADAL" clId="{725E150F-BFE4-3B40-A586-85058906F51A}" dt="2021-06-08T08:53:31.975" v="193"/>
          <ac:inkMkLst>
            <pc:docMk/>
            <pc:sldMk cId="1686217449" sldId="273"/>
            <ac:inkMk id="142" creationId="{72455141-358B-2449-908E-5BE9B6D79968}"/>
          </ac:inkMkLst>
        </pc:inkChg>
        <pc:inkChg chg="add topLvl">
          <ac:chgData name="David Lindero" userId="99e779fe-8d8e-44db-9ba6-c59f9563b2fa" providerId="ADAL" clId="{725E150F-BFE4-3B40-A586-85058906F51A}" dt="2021-06-08T11:16:59.176" v="550"/>
          <ac:inkMkLst>
            <pc:docMk/>
            <pc:sldMk cId="1686217449" sldId="273"/>
            <ac:inkMk id="143" creationId="{BB32BF90-B409-494F-BBBD-B32B3B2C0A01}"/>
          </ac:inkMkLst>
        </pc:inkChg>
        <pc:inkChg chg="add">
          <ac:chgData name="David Lindero" userId="99e779fe-8d8e-44db-9ba6-c59f9563b2fa" providerId="ADAL" clId="{725E150F-BFE4-3B40-A586-85058906F51A}" dt="2021-06-08T08:53:27.670" v="185"/>
          <ac:inkMkLst>
            <pc:docMk/>
            <pc:sldMk cId="1686217449" sldId="273"/>
            <ac:inkMk id="144" creationId="{90AF77EF-023F-2E4A-B995-73A5CBF5A660}"/>
          </ac:inkMkLst>
        </pc:inkChg>
        <pc:inkChg chg="add">
          <ac:chgData name="David Lindero" userId="99e779fe-8d8e-44db-9ba6-c59f9563b2fa" providerId="ADAL" clId="{725E150F-BFE4-3B40-A586-85058906F51A}" dt="2021-06-08T08:53:28.045" v="186"/>
          <ac:inkMkLst>
            <pc:docMk/>
            <pc:sldMk cId="1686217449" sldId="273"/>
            <ac:inkMk id="145" creationId="{DD1A395D-70E4-C547-B570-213282BA1D74}"/>
          </ac:inkMkLst>
        </pc:inkChg>
        <pc:inkChg chg="add">
          <ac:chgData name="David Lindero" userId="99e779fe-8d8e-44db-9ba6-c59f9563b2fa" providerId="ADAL" clId="{725E150F-BFE4-3B40-A586-85058906F51A}" dt="2021-06-08T08:53:28.712" v="187"/>
          <ac:inkMkLst>
            <pc:docMk/>
            <pc:sldMk cId="1686217449" sldId="273"/>
            <ac:inkMk id="146" creationId="{7A92C17D-A16A-994D-9009-090E02C4DCC0}"/>
          </ac:inkMkLst>
        </pc:inkChg>
        <pc:inkChg chg="add">
          <ac:chgData name="David Lindero" userId="99e779fe-8d8e-44db-9ba6-c59f9563b2fa" providerId="ADAL" clId="{725E150F-BFE4-3B40-A586-85058906F51A}" dt="2021-06-08T08:53:28.901" v="188"/>
          <ac:inkMkLst>
            <pc:docMk/>
            <pc:sldMk cId="1686217449" sldId="273"/>
            <ac:inkMk id="147" creationId="{05A3E518-4B8D-1444-AF73-5DCAB683AB66}"/>
          </ac:inkMkLst>
        </pc:inkChg>
        <pc:inkChg chg="add">
          <ac:chgData name="David Lindero" userId="99e779fe-8d8e-44db-9ba6-c59f9563b2fa" providerId="ADAL" clId="{725E150F-BFE4-3B40-A586-85058906F51A}" dt="2021-06-08T08:53:29.083" v="189"/>
          <ac:inkMkLst>
            <pc:docMk/>
            <pc:sldMk cId="1686217449" sldId="273"/>
            <ac:inkMk id="148" creationId="{7ECE6DB4-CBF1-424E-AEDB-B4C5057C906D}"/>
          </ac:inkMkLst>
        </pc:inkChg>
        <pc:inkChg chg="add">
          <ac:chgData name="David Lindero" userId="99e779fe-8d8e-44db-9ba6-c59f9563b2fa" providerId="ADAL" clId="{725E150F-BFE4-3B40-A586-85058906F51A}" dt="2021-06-08T08:53:29.502" v="190"/>
          <ac:inkMkLst>
            <pc:docMk/>
            <pc:sldMk cId="1686217449" sldId="273"/>
            <ac:inkMk id="149" creationId="{A0D757B2-23BC-1D4D-B55D-088975A92F5B}"/>
          </ac:inkMkLst>
        </pc:inkChg>
        <pc:inkChg chg="add">
          <ac:chgData name="David Lindero" userId="99e779fe-8d8e-44db-9ba6-c59f9563b2fa" providerId="ADAL" clId="{725E150F-BFE4-3B40-A586-85058906F51A}" dt="2021-06-08T08:53:30.469" v="191"/>
          <ac:inkMkLst>
            <pc:docMk/>
            <pc:sldMk cId="1686217449" sldId="273"/>
            <ac:inkMk id="150" creationId="{BF5E3D94-42F6-3647-9B0A-ED09617D2B9A}"/>
          </ac:inkMkLst>
        </pc:inkChg>
        <pc:inkChg chg="add">
          <ac:chgData name="David Lindero" userId="99e779fe-8d8e-44db-9ba6-c59f9563b2fa" providerId="ADAL" clId="{725E150F-BFE4-3B40-A586-85058906F51A}" dt="2021-06-08T08:53:31.246" v="192"/>
          <ac:inkMkLst>
            <pc:docMk/>
            <pc:sldMk cId="1686217449" sldId="273"/>
            <ac:inkMk id="151" creationId="{17E2D2FF-8094-4041-9F58-0DFF8987A6CF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53" creationId="{BF112ADA-687D-A745-968B-A1F9A075C996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54" creationId="{1942A130-EC96-044C-9657-5F0240EA66EF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55" creationId="{596E52EE-8AE0-6047-970F-6BC8CA286CC7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56" creationId="{7AB409AC-E096-0845-9F55-0C0D6AEF3D69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57" creationId="{412AA4FF-60E4-E447-9FAD-0F0986147870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58" creationId="{EFDF6E48-8EC2-AF4A-B96C-FFCAB6383396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59" creationId="{4748EE36-B513-D945-B163-975518647255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60" creationId="{510AF78A-95B6-6245-BF0D-45C86E5C9575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61" creationId="{EE264845-A252-0C4C-B1D6-60BACB6FEBD6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62" creationId="{61A620CB-C42F-3749-8CB9-5CB96E21080C}"/>
          </ac:inkMkLst>
        </pc:inkChg>
        <pc:inkChg chg="add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63" creationId="{0BD1F676-CD8A-B944-8455-E835530853AD}"/>
          </ac:inkMkLst>
        </pc:inkChg>
        <pc:inkChg chg="add del topLvl">
          <ac:chgData name="David Lindero" userId="99e779fe-8d8e-44db-9ba6-c59f9563b2fa" providerId="ADAL" clId="{725E150F-BFE4-3B40-A586-85058906F51A}" dt="2021-06-08T08:53:57.301" v="207"/>
          <ac:inkMkLst>
            <pc:docMk/>
            <pc:sldMk cId="1686217449" sldId="273"/>
            <ac:inkMk id="164" creationId="{53AC7F3E-5E5E-E84E-8F9D-0B0308BB0D51}"/>
          </ac:inkMkLst>
        </pc:inkChg>
        <pc:inkChg chg="add topLvl">
          <ac:chgData name="David Lindero" userId="99e779fe-8d8e-44db-9ba6-c59f9563b2fa" providerId="ADAL" clId="{725E150F-BFE4-3B40-A586-85058906F51A}" dt="2021-06-08T11:16:59.176" v="550"/>
          <ac:inkMkLst>
            <pc:docMk/>
            <pc:sldMk cId="1686217449" sldId="273"/>
            <ac:inkMk id="165" creationId="{7295E55E-A4D9-BB45-BFEF-D5D3F6FFE7C6}"/>
          </ac:inkMkLst>
        </pc:inkChg>
        <pc:inkChg chg="add">
          <ac:chgData name="David Lindero" userId="99e779fe-8d8e-44db-9ba6-c59f9563b2fa" providerId="ADAL" clId="{725E150F-BFE4-3B40-A586-85058906F51A}" dt="2021-06-08T08:53:58.727" v="208"/>
          <ac:inkMkLst>
            <pc:docMk/>
            <pc:sldMk cId="1686217449" sldId="273"/>
            <ac:inkMk id="166" creationId="{981D1208-3C79-8D49-9465-3324E6F377E2}"/>
          </ac:inkMkLst>
        </pc:inkChg>
        <pc:inkChg chg="add">
          <ac:chgData name="David Lindero" userId="99e779fe-8d8e-44db-9ba6-c59f9563b2fa" providerId="ADAL" clId="{725E150F-BFE4-3B40-A586-85058906F51A}" dt="2021-06-08T08:53:59.296" v="209"/>
          <ac:inkMkLst>
            <pc:docMk/>
            <pc:sldMk cId="1686217449" sldId="273"/>
            <ac:inkMk id="167" creationId="{748D8C1B-5DE9-9E42-8C83-66C06107AB3C}"/>
          </ac:inkMkLst>
        </pc:inkChg>
        <pc:inkChg chg="add">
          <ac:chgData name="David Lindero" userId="99e779fe-8d8e-44db-9ba6-c59f9563b2fa" providerId="ADAL" clId="{725E150F-BFE4-3B40-A586-85058906F51A}" dt="2021-06-08T08:53:59.864" v="210"/>
          <ac:inkMkLst>
            <pc:docMk/>
            <pc:sldMk cId="1686217449" sldId="273"/>
            <ac:inkMk id="168" creationId="{6A0DCD40-2505-3C45-A45E-4B20D327B8E7}"/>
          </ac:inkMkLst>
        </pc:inkChg>
        <pc:inkChg chg="add">
          <ac:chgData name="David Lindero" userId="99e779fe-8d8e-44db-9ba6-c59f9563b2fa" providerId="ADAL" clId="{725E150F-BFE4-3B40-A586-85058906F51A}" dt="2021-06-08T08:54:00.440" v="211"/>
          <ac:inkMkLst>
            <pc:docMk/>
            <pc:sldMk cId="1686217449" sldId="273"/>
            <ac:inkMk id="169" creationId="{88E603EA-397E-F345-8D6A-8DF1C913108B}"/>
          </ac:inkMkLst>
        </pc:inkChg>
        <pc:inkChg chg="add">
          <ac:chgData name="David Lindero" userId="99e779fe-8d8e-44db-9ba6-c59f9563b2fa" providerId="ADAL" clId="{725E150F-BFE4-3B40-A586-85058906F51A}" dt="2021-06-08T08:54:04.420" v="213"/>
          <ac:inkMkLst>
            <pc:docMk/>
            <pc:sldMk cId="1686217449" sldId="273"/>
            <ac:inkMk id="171" creationId="{12971C4C-E10D-7846-99E2-25FDE7188C98}"/>
          </ac:inkMkLst>
        </pc:inkChg>
        <pc:inkChg chg="add">
          <ac:chgData name="David Lindero" userId="99e779fe-8d8e-44db-9ba6-c59f9563b2fa" providerId="ADAL" clId="{725E150F-BFE4-3B40-A586-85058906F51A}" dt="2021-06-08T08:54:05.042" v="214"/>
          <ac:inkMkLst>
            <pc:docMk/>
            <pc:sldMk cId="1686217449" sldId="273"/>
            <ac:inkMk id="172" creationId="{7DD6ABFF-C859-9E44-B358-850FF08E5683}"/>
          </ac:inkMkLst>
        </pc:inkChg>
        <pc:inkChg chg="add">
          <ac:chgData name="David Lindero" userId="99e779fe-8d8e-44db-9ba6-c59f9563b2fa" providerId="ADAL" clId="{725E150F-BFE4-3B40-A586-85058906F51A}" dt="2021-06-08T08:54:05.123" v="215"/>
          <ac:inkMkLst>
            <pc:docMk/>
            <pc:sldMk cId="1686217449" sldId="273"/>
            <ac:inkMk id="173" creationId="{D78FC672-D939-0A47-9E26-375BF67EE547}"/>
          </ac:inkMkLst>
        </pc:inkChg>
        <pc:inkChg chg="add">
          <ac:chgData name="David Lindero" userId="99e779fe-8d8e-44db-9ba6-c59f9563b2fa" providerId="ADAL" clId="{725E150F-BFE4-3B40-A586-85058906F51A}" dt="2021-06-08T08:54:06.188" v="216"/>
          <ac:inkMkLst>
            <pc:docMk/>
            <pc:sldMk cId="1686217449" sldId="273"/>
            <ac:inkMk id="174" creationId="{67864252-CF65-9444-8272-4FFB699E1545}"/>
          </ac:inkMkLst>
        </pc:inkChg>
        <pc:inkChg chg="add">
          <ac:chgData name="David Lindero" userId="99e779fe-8d8e-44db-9ba6-c59f9563b2fa" providerId="ADAL" clId="{725E150F-BFE4-3B40-A586-85058906F51A}" dt="2021-06-08T08:54:06.703" v="217"/>
          <ac:inkMkLst>
            <pc:docMk/>
            <pc:sldMk cId="1686217449" sldId="273"/>
            <ac:inkMk id="175" creationId="{448D3DB0-4C75-0B45-9C63-6C6BF6EDEE44}"/>
          </ac:inkMkLst>
        </pc:inkChg>
        <pc:inkChg chg="add">
          <ac:chgData name="David Lindero" userId="99e779fe-8d8e-44db-9ba6-c59f9563b2fa" providerId="ADAL" clId="{725E150F-BFE4-3B40-A586-85058906F51A}" dt="2021-06-08T08:54:07.410" v="218"/>
          <ac:inkMkLst>
            <pc:docMk/>
            <pc:sldMk cId="1686217449" sldId="273"/>
            <ac:inkMk id="176" creationId="{7BAF1021-EC31-1B44-A63E-B38684C514A0}"/>
          </ac:inkMkLst>
        </pc:inkChg>
        <pc:inkChg chg="add">
          <ac:chgData name="David Lindero" userId="99e779fe-8d8e-44db-9ba6-c59f9563b2fa" providerId="ADAL" clId="{725E150F-BFE4-3B40-A586-85058906F51A}" dt="2021-06-08T08:54:08.090" v="219"/>
          <ac:inkMkLst>
            <pc:docMk/>
            <pc:sldMk cId="1686217449" sldId="273"/>
            <ac:inkMk id="177" creationId="{DD03D0BB-A3EE-5E49-84C0-EC3B971CD73E}"/>
          </ac:inkMkLst>
        </pc:inkChg>
        <pc:inkChg chg="add">
          <ac:chgData name="David Lindero" userId="99e779fe-8d8e-44db-9ba6-c59f9563b2fa" providerId="ADAL" clId="{725E150F-BFE4-3B40-A586-85058906F51A}" dt="2021-06-08T08:54:08.720" v="220"/>
          <ac:inkMkLst>
            <pc:docMk/>
            <pc:sldMk cId="1686217449" sldId="273"/>
            <ac:inkMk id="178" creationId="{8BB22898-8065-2049-B1F8-FD2089D8373C}"/>
          </ac:inkMkLst>
        </pc:inkChg>
        <pc:inkChg chg="add">
          <ac:chgData name="David Lindero" userId="99e779fe-8d8e-44db-9ba6-c59f9563b2fa" providerId="ADAL" clId="{725E150F-BFE4-3B40-A586-85058906F51A}" dt="2021-06-08T08:54:09.315" v="221"/>
          <ac:inkMkLst>
            <pc:docMk/>
            <pc:sldMk cId="1686217449" sldId="273"/>
            <ac:inkMk id="179" creationId="{11D78223-C112-9542-9C86-1B671A2693D5}"/>
          </ac:inkMkLst>
        </pc:inkChg>
        <pc:inkChg chg="add">
          <ac:chgData name="David Lindero" userId="99e779fe-8d8e-44db-9ba6-c59f9563b2fa" providerId="ADAL" clId="{725E150F-BFE4-3B40-A586-85058906F51A}" dt="2021-06-08T08:54:09.896" v="222"/>
          <ac:inkMkLst>
            <pc:docMk/>
            <pc:sldMk cId="1686217449" sldId="273"/>
            <ac:inkMk id="180" creationId="{B8015D3A-52F9-F34A-9487-394075C5FF9D}"/>
          </ac:inkMkLst>
        </pc:inkChg>
        <pc:inkChg chg="add">
          <ac:chgData name="David Lindero" userId="99e779fe-8d8e-44db-9ba6-c59f9563b2fa" providerId="ADAL" clId="{725E150F-BFE4-3B40-A586-85058906F51A}" dt="2021-06-08T08:54:10.420" v="223"/>
          <ac:inkMkLst>
            <pc:docMk/>
            <pc:sldMk cId="1686217449" sldId="273"/>
            <ac:inkMk id="181" creationId="{37DD66DF-047A-8E46-B310-AAAF2FA1761F}"/>
          </ac:inkMkLst>
        </pc:inkChg>
        <pc:inkChg chg="add topLvl">
          <ac:chgData name="David Lindero" userId="99e779fe-8d8e-44db-9ba6-c59f9563b2fa" providerId="ADAL" clId="{725E150F-BFE4-3B40-A586-85058906F51A}" dt="2021-06-08T08:56:35.175" v="295"/>
          <ac:inkMkLst>
            <pc:docMk/>
            <pc:sldMk cId="1686217449" sldId="273"/>
            <ac:inkMk id="183" creationId="{97060AD7-28E3-9549-AE57-4EDB44CFCFA0}"/>
          </ac:inkMkLst>
        </pc:inkChg>
        <pc:inkChg chg="add topLvl">
          <ac:chgData name="David Lindero" userId="99e779fe-8d8e-44db-9ba6-c59f9563b2fa" providerId="ADAL" clId="{725E150F-BFE4-3B40-A586-85058906F51A}" dt="2021-06-08T08:56:35.175" v="295"/>
          <ac:inkMkLst>
            <pc:docMk/>
            <pc:sldMk cId="1686217449" sldId="273"/>
            <ac:inkMk id="184" creationId="{1F44663B-58E4-5C4B-AFC8-3EA31FAEFC07}"/>
          </ac:inkMkLst>
        </pc:inkChg>
        <pc:inkChg chg="add topLvl">
          <ac:chgData name="David Lindero" userId="99e779fe-8d8e-44db-9ba6-c59f9563b2fa" providerId="ADAL" clId="{725E150F-BFE4-3B40-A586-85058906F51A}" dt="2021-06-08T08:56:35.175" v="295"/>
          <ac:inkMkLst>
            <pc:docMk/>
            <pc:sldMk cId="1686217449" sldId="273"/>
            <ac:inkMk id="185" creationId="{1162022E-6CEF-7A4A-B794-2F1AD90ECB59}"/>
          </ac:inkMkLst>
        </pc:inkChg>
        <pc:inkChg chg="add topLvl">
          <ac:chgData name="David Lindero" userId="99e779fe-8d8e-44db-9ba6-c59f9563b2fa" providerId="ADAL" clId="{725E150F-BFE4-3B40-A586-85058906F51A}" dt="2021-06-08T08:56:35.175" v="295"/>
          <ac:inkMkLst>
            <pc:docMk/>
            <pc:sldMk cId="1686217449" sldId="273"/>
            <ac:inkMk id="186" creationId="{EFED694C-8CC8-AC49-8AE9-B825A345B439}"/>
          </ac:inkMkLst>
        </pc:inkChg>
        <pc:inkChg chg="add topLvl">
          <ac:chgData name="David Lindero" userId="99e779fe-8d8e-44db-9ba6-c59f9563b2fa" providerId="ADAL" clId="{725E150F-BFE4-3B40-A586-85058906F51A}" dt="2021-06-08T08:56:35.175" v="295"/>
          <ac:inkMkLst>
            <pc:docMk/>
            <pc:sldMk cId="1686217449" sldId="273"/>
            <ac:inkMk id="188" creationId="{4FF5375A-E457-8344-9EE7-8963F36E6204}"/>
          </ac:inkMkLst>
        </pc:inkChg>
        <pc:inkChg chg="add topLvl">
          <ac:chgData name="David Lindero" userId="99e779fe-8d8e-44db-9ba6-c59f9563b2fa" providerId="ADAL" clId="{725E150F-BFE4-3B40-A586-85058906F51A}" dt="2021-06-08T08:56:35.175" v="295"/>
          <ac:inkMkLst>
            <pc:docMk/>
            <pc:sldMk cId="1686217449" sldId="273"/>
            <ac:inkMk id="189" creationId="{AD440B54-4EC0-414E-BE06-B226324301CC}"/>
          </ac:inkMkLst>
        </pc:inkChg>
        <pc:inkChg chg="add topLvl">
          <ac:chgData name="David Lindero" userId="99e779fe-8d8e-44db-9ba6-c59f9563b2fa" providerId="ADAL" clId="{725E150F-BFE4-3B40-A586-85058906F51A}" dt="2021-06-08T08:56:35.175" v="295"/>
          <ac:inkMkLst>
            <pc:docMk/>
            <pc:sldMk cId="1686217449" sldId="273"/>
            <ac:inkMk id="190" creationId="{9EA3F839-032C-0647-86E7-30757AD046D9}"/>
          </ac:inkMkLst>
        </pc:inkChg>
        <pc:inkChg chg="add topLvl">
          <ac:chgData name="David Lindero" userId="99e779fe-8d8e-44db-9ba6-c59f9563b2fa" providerId="ADAL" clId="{725E150F-BFE4-3B40-A586-85058906F51A}" dt="2021-06-08T08:56:35.175" v="295"/>
          <ac:inkMkLst>
            <pc:docMk/>
            <pc:sldMk cId="1686217449" sldId="273"/>
            <ac:inkMk id="191" creationId="{15DC8B1D-A859-A643-9EF5-88BAF661359A}"/>
          </ac:inkMkLst>
        </pc:inkChg>
        <pc:inkChg chg="add">
          <ac:chgData name="David Lindero" userId="99e779fe-8d8e-44db-9ba6-c59f9563b2fa" providerId="ADAL" clId="{725E150F-BFE4-3B40-A586-85058906F51A}" dt="2021-06-08T11:16:55.316" v="543"/>
          <ac:inkMkLst>
            <pc:docMk/>
            <pc:sldMk cId="1686217449" sldId="273"/>
            <ac:inkMk id="192" creationId="{B08F0A0C-FBA2-AA4A-9CD4-44F7E300CE96}"/>
          </ac:inkMkLst>
        </pc:inkChg>
        <pc:inkChg chg="add">
          <ac:chgData name="David Lindero" userId="99e779fe-8d8e-44db-9ba6-c59f9563b2fa" providerId="ADAL" clId="{725E150F-BFE4-3B40-A586-85058906F51A}" dt="2021-06-08T11:16:55.663" v="544"/>
          <ac:inkMkLst>
            <pc:docMk/>
            <pc:sldMk cId="1686217449" sldId="273"/>
            <ac:inkMk id="193" creationId="{B323F2C9-457C-4641-8D54-8271E53EC989}"/>
          </ac:inkMkLst>
        </pc:inkChg>
        <pc:inkChg chg="add del">
          <ac:chgData name="David Lindero" userId="99e779fe-8d8e-44db-9ba6-c59f9563b2fa" providerId="ADAL" clId="{725E150F-BFE4-3B40-A586-85058906F51A}" dt="2021-06-08T08:55:41.250" v="246"/>
          <ac:inkMkLst>
            <pc:docMk/>
            <pc:sldMk cId="1686217449" sldId="273"/>
            <ac:inkMk id="193" creationId="{E54FAABC-4872-9F4E-8FF1-BD711EC6A8DD}"/>
          </ac:inkMkLst>
        </pc:inkChg>
        <pc:inkChg chg="add topLvl">
          <ac:chgData name="David Lindero" userId="99e779fe-8d8e-44db-9ba6-c59f9563b2fa" providerId="ADAL" clId="{725E150F-BFE4-3B40-A586-85058906F51A}" dt="2021-06-08T08:55:52.072" v="257"/>
          <ac:inkMkLst>
            <pc:docMk/>
            <pc:sldMk cId="1686217449" sldId="273"/>
            <ac:inkMk id="194" creationId="{4E1E6F03-3E2D-3D4C-BC7B-D7AB7F5A7FC8}"/>
          </ac:inkMkLst>
        </pc:inkChg>
        <pc:inkChg chg="add topLvl">
          <ac:chgData name="David Lindero" userId="99e779fe-8d8e-44db-9ba6-c59f9563b2fa" providerId="ADAL" clId="{725E150F-BFE4-3B40-A586-85058906F51A}" dt="2021-06-08T08:55:52.072" v="257"/>
          <ac:inkMkLst>
            <pc:docMk/>
            <pc:sldMk cId="1686217449" sldId="273"/>
            <ac:inkMk id="195" creationId="{9DC8214B-FF12-C942-8E0C-CE224DF828C2}"/>
          </ac:inkMkLst>
        </pc:inkChg>
        <pc:inkChg chg="add topLvl">
          <ac:chgData name="David Lindero" userId="99e779fe-8d8e-44db-9ba6-c59f9563b2fa" providerId="ADAL" clId="{725E150F-BFE4-3B40-A586-85058906F51A}" dt="2021-06-08T08:55:52.072" v="257"/>
          <ac:inkMkLst>
            <pc:docMk/>
            <pc:sldMk cId="1686217449" sldId="273"/>
            <ac:inkMk id="196" creationId="{6149EB9B-69E1-B340-AABD-F7506E0889C0}"/>
          </ac:inkMkLst>
        </pc:inkChg>
        <pc:inkChg chg="add topLvl">
          <ac:chgData name="David Lindero" userId="99e779fe-8d8e-44db-9ba6-c59f9563b2fa" providerId="ADAL" clId="{725E150F-BFE4-3B40-A586-85058906F51A}" dt="2021-06-08T08:55:52.072" v="257"/>
          <ac:inkMkLst>
            <pc:docMk/>
            <pc:sldMk cId="1686217449" sldId="273"/>
            <ac:inkMk id="197" creationId="{0AD799B8-D091-4941-804A-2D86E8F122F5}"/>
          </ac:inkMkLst>
        </pc:inkChg>
        <pc:inkChg chg="add topLvl">
          <ac:chgData name="David Lindero" userId="99e779fe-8d8e-44db-9ba6-c59f9563b2fa" providerId="ADAL" clId="{725E150F-BFE4-3B40-A586-85058906F51A}" dt="2021-06-08T08:55:52.072" v="257"/>
          <ac:inkMkLst>
            <pc:docMk/>
            <pc:sldMk cId="1686217449" sldId="273"/>
            <ac:inkMk id="198" creationId="{616411A8-ABCB-5A43-A5B5-B30531E0AF0E}"/>
          </ac:inkMkLst>
        </pc:inkChg>
        <pc:inkChg chg="add">
          <ac:chgData name="David Lindero" userId="99e779fe-8d8e-44db-9ba6-c59f9563b2fa" providerId="ADAL" clId="{725E150F-BFE4-3B40-A586-85058906F51A}" dt="2021-06-08T11:16:56.805" v="545"/>
          <ac:inkMkLst>
            <pc:docMk/>
            <pc:sldMk cId="1686217449" sldId="273"/>
            <ac:inkMk id="199" creationId="{AB538D91-533E-504C-AD31-F869012B9E8C}"/>
          </ac:inkMkLst>
        </pc:inkChg>
        <pc:inkChg chg="add">
          <ac:chgData name="David Lindero" userId="99e779fe-8d8e-44db-9ba6-c59f9563b2fa" providerId="ADAL" clId="{725E150F-BFE4-3B40-A586-85058906F51A}" dt="2021-06-08T08:55:49.709" v="253"/>
          <ac:inkMkLst>
            <pc:docMk/>
            <pc:sldMk cId="1686217449" sldId="273"/>
            <ac:inkMk id="200" creationId="{92793B46-53B0-EA42-9F53-81ACF342FDC9}"/>
          </ac:inkMkLst>
        </pc:inkChg>
        <pc:inkChg chg="add">
          <ac:chgData name="David Lindero" userId="99e779fe-8d8e-44db-9ba6-c59f9563b2fa" providerId="ADAL" clId="{725E150F-BFE4-3B40-A586-85058906F51A}" dt="2021-06-08T08:55:50.040" v="254"/>
          <ac:inkMkLst>
            <pc:docMk/>
            <pc:sldMk cId="1686217449" sldId="273"/>
            <ac:inkMk id="201" creationId="{4F5801CA-AABA-D242-BB1C-20A3FEA7458C}"/>
          </ac:inkMkLst>
        </pc:inkChg>
        <pc:inkChg chg="add">
          <ac:chgData name="David Lindero" userId="99e779fe-8d8e-44db-9ba6-c59f9563b2fa" providerId="ADAL" clId="{725E150F-BFE4-3B40-A586-85058906F51A}" dt="2021-06-08T08:55:50.421" v="255"/>
          <ac:inkMkLst>
            <pc:docMk/>
            <pc:sldMk cId="1686217449" sldId="273"/>
            <ac:inkMk id="202" creationId="{6065A4FD-6159-9241-A5E8-21FCDA34FDF6}"/>
          </ac:inkMkLst>
        </pc:inkChg>
        <pc:inkChg chg="add">
          <ac:chgData name="David Lindero" userId="99e779fe-8d8e-44db-9ba6-c59f9563b2fa" providerId="ADAL" clId="{725E150F-BFE4-3B40-A586-85058906F51A}" dt="2021-06-08T08:55:51.248" v="256"/>
          <ac:inkMkLst>
            <pc:docMk/>
            <pc:sldMk cId="1686217449" sldId="273"/>
            <ac:inkMk id="203" creationId="{65B65177-7211-C042-BED9-4510AB5D00C9}"/>
          </ac:inkMkLst>
        </pc:inkChg>
        <pc:inkChg chg="add">
          <ac:chgData name="David Lindero" userId="99e779fe-8d8e-44db-9ba6-c59f9563b2fa" providerId="ADAL" clId="{725E150F-BFE4-3B40-A586-85058906F51A}" dt="2021-06-08T11:16:57.091" v="546"/>
          <ac:inkMkLst>
            <pc:docMk/>
            <pc:sldMk cId="1686217449" sldId="273"/>
            <ac:inkMk id="209" creationId="{812B55E7-1D7C-9348-8548-D21E5BBF5AB1}"/>
          </ac:inkMkLst>
        </pc:inkChg>
        <pc:inkChg chg="add">
          <ac:chgData name="David Lindero" userId="99e779fe-8d8e-44db-9ba6-c59f9563b2fa" providerId="ADAL" clId="{725E150F-BFE4-3B40-A586-85058906F51A}" dt="2021-06-08T11:16:57.139" v="547"/>
          <ac:inkMkLst>
            <pc:docMk/>
            <pc:sldMk cId="1686217449" sldId="273"/>
            <ac:inkMk id="223" creationId="{2A8F1966-95FF-DB49-9CE8-D6755C1CCF22}"/>
          </ac:inkMkLst>
        </pc:inkChg>
        <pc:inkChg chg="add del topLvl">
          <ac:chgData name="David Lindero" userId="99e779fe-8d8e-44db-9ba6-c59f9563b2fa" providerId="ADAL" clId="{725E150F-BFE4-3B40-A586-85058906F51A}" dt="2021-06-08T11:05:40.875" v="451"/>
          <ac:inkMkLst>
            <pc:docMk/>
            <pc:sldMk cId="1686217449" sldId="273"/>
            <ac:inkMk id="223" creationId="{8481C988-D9C8-FC4C-AC11-C401A038E3B7}"/>
          </ac:inkMkLst>
        </pc:inkChg>
        <pc:inkChg chg="add del topLvl">
          <ac:chgData name="David Lindero" userId="99e779fe-8d8e-44db-9ba6-c59f9563b2fa" providerId="ADAL" clId="{725E150F-BFE4-3B40-A586-85058906F51A}" dt="2021-06-08T11:05:39.859" v="450"/>
          <ac:inkMkLst>
            <pc:docMk/>
            <pc:sldMk cId="1686217449" sldId="273"/>
            <ac:inkMk id="224" creationId="{3A2FE8D8-02CB-AB42-AC9B-1BF27763945B}"/>
          </ac:inkMkLst>
        </pc:inkChg>
        <pc:inkChg chg="add">
          <ac:chgData name="David Lindero" userId="99e779fe-8d8e-44db-9ba6-c59f9563b2fa" providerId="ADAL" clId="{725E150F-BFE4-3B40-A586-85058906F51A}" dt="2021-06-08T11:16:57.688" v="548"/>
          <ac:inkMkLst>
            <pc:docMk/>
            <pc:sldMk cId="1686217449" sldId="273"/>
            <ac:inkMk id="224" creationId="{4262A13D-4AB9-584F-97CF-F44F4B86B742}"/>
          </ac:inkMkLst>
        </pc:inkChg>
        <pc:inkChg chg="add del topLvl">
          <ac:chgData name="David Lindero" userId="99e779fe-8d8e-44db-9ba6-c59f9563b2fa" providerId="ADAL" clId="{725E150F-BFE4-3B40-A586-85058906F51A}" dt="2021-06-08T08:56:35.175" v="295"/>
          <ac:inkMkLst>
            <pc:docMk/>
            <pc:sldMk cId="1686217449" sldId="273"/>
            <ac:inkMk id="226" creationId="{80B1ABEF-232E-D042-A085-75F32000DEDD}"/>
          </ac:inkMkLst>
        </pc:inkChg>
        <pc:inkChg chg="add">
          <ac:chgData name="David Lindero" userId="99e779fe-8d8e-44db-9ba6-c59f9563b2fa" providerId="ADAL" clId="{725E150F-BFE4-3B40-A586-85058906F51A}" dt="2021-06-08T11:16:58.435" v="549"/>
          <ac:inkMkLst>
            <pc:docMk/>
            <pc:sldMk cId="1686217449" sldId="273"/>
            <ac:inkMk id="226" creationId="{E2DFC8B2-7325-0645-B435-3213AF7D736D}"/>
          </ac:inkMkLst>
        </pc:inkChg>
        <pc:inkChg chg="add">
          <ac:chgData name="David Lindero" userId="99e779fe-8d8e-44db-9ba6-c59f9563b2fa" providerId="ADAL" clId="{725E150F-BFE4-3B40-A586-85058906F51A}" dt="2021-06-08T08:56:51.951" v="296"/>
          <ac:inkMkLst>
            <pc:docMk/>
            <pc:sldMk cId="1686217449" sldId="273"/>
            <ac:inkMk id="228" creationId="{A829A603-371B-964F-872B-1726DEC3A35B}"/>
          </ac:inkMkLst>
        </pc:inkChg>
        <pc:inkChg chg="add mod">
          <ac:chgData name="David Lindero" userId="99e779fe-8d8e-44db-9ba6-c59f9563b2fa" providerId="ADAL" clId="{725E150F-BFE4-3B40-A586-85058906F51A}" dt="2021-06-08T09:15:32.537" v="339" actId="1076"/>
          <ac:inkMkLst>
            <pc:docMk/>
            <pc:sldMk cId="1686217449" sldId="273"/>
            <ac:inkMk id="229" creationId="{1C5F80A8-4718-4448-BDAD-28C660B89CFA}"/>
          </ac:inkMkLst>
        </pc:inkChg>
        <pc:inkChg chg="add">
          <ac:chgData name="David Lindero" userId="99e779fe-8d8e-44db-9ba6-c59f9563b2fa" providerId="ADAL" clId="{725E150F-BFE4-3B40-A586-85058906F51A}" dt="2021-06-08T08:56:58.325" v="298"/>
          <ac:inkMkLst>
            <pc:docMk/>
            <pc:sldMk cId="1686217449" sldId="273"/>
            <ac:inkMk id="230" creationId="{7DFA32F5-5702-B44D-953C-D3AE0B9C610A}"/>
          </ac:inkMkLst>
        </pc:inkChg>
        <pc:inkChg chg="add del topLvl">
          <ac:chgData name="David Lindero" userId="99e779fe-8d8e-44db-9ba6-c59f9563b2fa" providerId="ADAL" clId="{725E150F-BFE4-3B40-A586-85058906F51A}" dt="2021-06-08T09:13:54.458" v="310"/>
          <ac:inkMkLst>
            <pc:docMk/>
            <pc:sldMk cId="1686217449" sldId="273"/>
            <ac:inkMk id="231" creationId="{7EBD81CC-F27B-AA4D-A832-9E1CB2ED5D36}"/>
          </ac:inkMkLst>
        </pc:inkChg>
        <pc:inkChg chg="add del topLvl">
          <ac:chgData name="David Lindero" userId="99e779fe-8d8e-44db-9ba6-c59f9563b2fa" providerId="ADAL" clId="{725E150F-BFE4-3B40-A586-85058906F51A}" dt="2021-06-08T09:13:53.013" v="309"/>
          <ac:inkMkLst>
            <pc:docMk/>
            <pc:sldMk cId="1686217449" sldId="273"/>
            <ac:inkMk id="232" creationId="{C7363994-E08F-E844-B011-22924CE6F657}"/>
          </ac:inkMkLst>
        </pc:inkChg>
        <pc:inkChg chg="add del topLvl">
          <ac:chgData name="David Lindero" userId="99e779fe-8d8e-44db-9ba6-c59f9563b2fa" providerId="ADAL" clId="{725E150F-BFE4-3B40-A586-85058906F51A}" dt="2021-06-08T09:13:52.701" v="308"/>
          <ac:inkMkLst>
            <pc:docMk/>
            <pc:sldMk cId="1686217449" sldId="273"/>
            <ac:inkMk id="234" creationId="{FC675ACB-237C-AC4D-BDC9-3A40BBB91876}"/>
          </ac:inkMkLst>
        </pc:inkChg>
        <pc:inkChg chg="add del topLvl">
          <ac:chgData name="David Lindero" userId="99e779fe-8d8e-44db-9ba6-c59f9563b2fa" providerId="ADAL" clId="{725E150F-BFE4-3B40-A586-85058906F51A}" dt="2021-06-08T09:17:12.790" v="366"/>
          <ac:inkMkLst>
            <pc:docMk/>
            <pc:sldMk cId="1686217449" sldId="273"/>
            <ac:inkMk id="236" creationId="{1D7B4BEF-FB1E-1A4A-AE57-CD2A84818C7B}"/>
          </ac:inkMkLst>
        </pc:inkChg>
        <pc:inkChg chg="add del topLvl">
          <ac:chgData name="David Lindero" userId="99e779fe-8d8e-44db-9ba6-c59f9563b2fa" providerId="ADAL" clId="{725E150F-BFE4-3B40-A586-85058906F51A}" dt="2021-06-08T09:17:12.764" v="353"/>
          <ac:inkMkLst>
            <pc:docMk/>
            <pc:sldMk cId="1686217449" sldId="273"/>
            <ac:inkMk id="237" creationId="{1168205B-1761-6C45-BB07-9B63D2CBFA34}"/>
          </ac:inkMkLst>
        </pc:inkChg>
        <pc:inkChg chg="add del topLvl">
          <ac:chgData name="David Lindero" userId="99e779fe-8d8e-44db-9ba6-c59f9563b2fa" providerId="ADAL" clId="{725E150F-BFE4-3B40-A586-85058906F51A}" dt="2021-06-08T09:17:12.769" v="355"/>
          <ac:inkMkLst>
            <pc:docMk/>
            <pc:sldMk cId="1686217449" sldId="273"/>
            <ac:inkMk id="239" creationId="{21573308-F81D-924C-904F-753E87657054}"/>
          </ac:inkMkLst>
        </pc:inkChg>
        <pc:inkChg chg="add del topLvl">
          <ac:chgData name="David Lindero" userId="99e779fe-8d8e-44db-9ba6-c59f9563b2fa" providerId="ADAL" clId="{725E150F-BFE4-3B40-A586-85058906F51A}" dt="2021-06-08T09:17:12.766" v="354"/>
          <ac:inkMkLst>
            <pc:docMk/>
            <pc:sldMk cId="1686217449" sldId="273"/>
            <ac:inkMk id="240" creationId="{8930DDC4-BF0F-8D49-8B2E-36C40F49B41C}"/>
          </ac:inkMkLst>
        </pc:inkChg>
        <pc:inkChg chg="add del topLvl">
          <ac:chgData name="David Lindero" userId="99e779fe-8d8e-44db-9ba6-c59f9563b2fa" providerId="ADAL" clId="{725E150F-BFE4-3B40-A586-85058906F51A}" dt="2021-06-08T09:17:12.778" v="360"/>
          <ac:inkMkLst>
            <pc:docMk/>
            <pc:sldMk cId="1686217449" sldId="273"/>
            <ac:inkMk id="241" creationId="{ACC92374-52B5-4A47-AEDB-9E9B8749BF00}"/>
          </ac:inkMkLst>
        </pc:inkChg>
        <pc:inkChg chg="add del topLvl">
          <ac:chgData name="David Lindero" userId="99e779fe-8d8e-44db-9ba6-c59f9563b2fa" providerId="ADAL" clId="{725E150F-BFE4-3B40-A586-85058906F51A}" dt="2021-06-08T09:17:12.784" v="363"/>
          <ac:inkMkLst>
            <pc:docMk/>
            <pc:sldMk cId="1686217449" sldId="273"/>
            <ac:inkMk id="243" creationId="{20584E67-A6C8-2F4D-9688-8E106BB421CC}"/>
          </ac:inkMkLst>
        </pc:inkChg>
        <pc:inkChg chg="add del">
          <ac:chgData name="David Lindero" userId="99e779fe-8d8e-44db-9ba6-c59f9563b2fa" providerId="ADAL" clId="{725E150F-BFE4-3B40-A586-85058906F51A}" dt="2021-06-08T09:17:12.770" v="356"/>
          <ac:inkMkLst>
            <pc:docMk/>
            <pc:sldMk cId="1686217449" sldId="273"/>
            <ac:inkMk id="244" creationId="{106E094F-C256-EB43-A1DE-523DCDA1A318}"/>
          </ac:inkMkLst>
        </pc:inkChg>
        <pc:inkChg chg="add del">
          <ac:chgData name="David Lindero" userId="99e779fe-8d8e-44db-9ba6-c59f9563b2fa" providerId="ADAL" clId="{725E150F-BFE4-3B40-A586-85058906F51A}" dt="2021-06-08T09:17:12.773" v="357"/>
          <ac:inkMkLst>
            <pc:docMk/>
            <pc:sldMk cId="1686217449" sldId="273"/>
            <ac:inkMk id="245" creationId="{18E77B58-ED15-EC46-B13F-EB40EC6E5762}"/>
          </ac:inkMkLst>
        </pc:inkChg>
        <pc:inkChg chg="add del">
          <ac:chgData name="David Lindero" userId="99e779fe-8d8e-44db-9ba6-c59f9563b2fa" providerId="ADAL" clId="{725E150F-BFE4-3B40-A586-85058906F51A}" dt="2021-06-08T09:17:12.775" v="358"/>
          <ac:inkMkLst>
            <pc:docMk/>
            <pc:sldMk cId="1686217449" sldId="273"/>
            <ac:inkMk id="247" creationId="{7ACBFD75-DE8E-E142-98C9-54B58FB3005A}"/>
          </ac:inkMkLst>
        </pc:inkChg>
        <pc:inkChg chg="add del">
          <ac:chgData name="David Lindero" userId="99e779fe-8d8e-44db-9ba6-c59f9563b2fa" providerId="ADAL" clId="{725E150F-BFE4-3B40-A586-85058906F51A}" dt="2021-06-08T09:17:12.780" v="361"/>
          <ac:inkMkLst>
            <pc:docMk/>
            <pc:sldMk cId="1686217449" sldId="273"/>
            <ac:inkMk id="248" creationId="{B440D7BF-ADD7-EB42-9B7D-4F5FFD60AF01}"/>
          </ac:inkMkLst>
        </pc:inkChg>
        <pc:inkChg chg="add del topLvl">
          <ac:chgData name="David Lindero" userId="99e779fe-8d8e-44db-9ba6-c59f9563b2fa" providerId="ADAL" clId="{725E150F-BFE4-3B40-A586-85058906F51A}" dt="2021-06-08T09:17:12.786" v="364"/>
          <ac:inkMkLst>
            <pc:docMk/>
            <pc:sldMk cId="1686217449" sldId="273"/>
            <ac:inkMk id="249" creationId="{6522EA0B-76A9-F64A-9D88-68E066B644A1}"/>
          </ac:inkMkLst>
        </pc:inkChg>
        <pc:inkChg chg="add del">
          <ac:chgData name="David Lindero" userId="99e779fe-8d8e-44db-9ba6-c59f9563b2fa" providerId="ADAL" clId="{725E150F-BFE4-3B40-A586-85058906F51A}" dt="2021-06-08T09:17:12.782" v="362"/>
          <ac:inkMkLst>
            <pc:docMk/>
            <pc:sldMk cId="1686217449" sldId="273"/>
            <ac:inkMk id="250" creationId="{D03A9A5D-2D7C-0549-AC6A-E70CD22060B5}"/>
          </ac:inkMkLst>
        </pc:inkChg>
        <pc:inkChg chg="add del topLvl">
          <ac:chgData name="David Lindero" userId="99e779fe-8d8e-44db-9ba6-c59f9563b2fa" providerId="ADAL" clId="{725E150F-BFE4-3B40-A586-85058906F51A}" dt="2021-06-08T09:17:12.788" v="365"/>
          <ac:inkMkLst>
            <pc:docMk/>
            <pc:sldMk cId="1686217449" sldId="273"/>
            <ac:inkMk id="251" creationId="{8F0C7897-AA72-A047-93FE-CAC3405E6400}"/>
          </ac:inkMkLst>
        </pc:inkChg>
        <pc:inkChg chg="add del">
          <ac:chgData name="David Lindero" userId="99e779fe-8d8e-44db-9ba6-c59f9563b2fa" providerId="ADAL" clId="{725E150F-BFE4-3B40-A586-85058906F51A}" dt="2021-06-08T09:17:12.776" v="359"/>
          <ac:inkMkLst>
            <pc:docMk/>
            <pc:sldMk cId="1686217449" sldId="273"/>
            <ac:inkMk id="252" creationId="{131780B8-7AA9-9C43-AD67-0596A06DAF42}"/>
          </ac:inkMkLst>
        </pc:inkChg>
        <pc:inkChg chg="add del topLvl">
          <ac:chgData name="David Lindero" userId="99e779fe-8d8e-44db-9ba6-c59f9563b2fa" providerId="ADAL" clId="{725E150F-BFE4-3B40-A586-85058906F51A}" dt="2021-06-08T09:14:23.826" v="333"/>
          <ac:inkMkLst>
            <pc:docMk/>
            <pc:sldMk cId="1686217449" sldId="273"/>
            <ac:inkMk id="254" creationId="{C17155D9-4E4D-E142-AD5A-153BAED1869D}"/>
          </ac:inkMkLst>
        </pc:inkChg>
        <pc:inkChg chg="add del topLvl">
          <ac:chgData name="David Lindero" userId="99e779fe-8d8e-44db-9ba6-c59f9563b2fa" providerId="ADAL" clId="{725E150F-BFE4-3B40-A586-85058906F51A}" dt="2021-06-08T09:14:23.245" v="332"/>
          <ac:inkMkLst>
            <pc:docMk/>
            <pc:sldMk cId="1686217449" sldId="273"/>
            <ac:inkMk id="255" creationId="{E45AC1CC-2A5E-574D-B036-15988004BF95}"/>
          </ac:inkMkLst>
        </pc:inkChg>
        <pc:inkChg chg="add del">
          <ac:chgData name="David Lindero" userId="99e779fe-8d8e-44db-9ba6-c59f9563b2fa" providerId="ADAL" clId="{725E150F-BFE4-3B40-A586-85058906F51A}" dt="2021-06-08T09:16:02.792" v="343"/>
          <ac:inkMkLst>
            <pc:docMk/>
            <pc:sldMk cId="1686217449" sldId="273"/>
            <ac:inkMk id="257" creationId="{2930A0DB-8FD9-3E4D-8269-02CBFB198207}"/>
          </ac:inkMkLst>
        </pc:inkChg>
        <pc:inkChg chg="add del">
          <ac:chgData name="David Lindero" userId="99e779fe-8d8e-44db-9ba6-c59f9563b2fa" providerId="ADAL" clId="{725E150F-BFE4-3B40-A586-85058906F51A}" dt="2021-06-08T09:16:17.968" v="347"/>
          <ac:inkMkLst>
            <pc:docMk/>
            <pc:sldMk cId="1686217449" sldId="273"/>
            <ac:inkMk id="258" creationId="{D3AFBAD5-2A34-B24B-8B19-54CE103D3AE9}"/>
          </ac:inkMkLst>
        </pc:inkChg>
        <pc:inkChg chg="add del">
          <ac:chgData name="David Lindero" userId="99e779fe-8d8e-44db-9ba6-c59f9563b2fa" providerId="ADAL" clId="{725E150F-BFE4-3B40-A586-85058906F51A}" dt="2021-06-08T09:16:16.773" v="346"/>
          <ac:inkMkLst>
            <pc:docMk/>
            <pc:sldMk cId="1686217449" sldId="273"/>
            <ac:inkMk id="259" creationId="{083EA35A-4127-2146-A73F-AB30860D8419}"/>
          </ac:inkMkLst>
        </pc:inkChg>
        <pc:inkChg chg="add">
          <ac:chgData name="David Lindero" userId="99e779fe-8d8e-44db-9ba6-c59f9563b2fa" providerId="ADAL" clId="{725E150F-BFE4-3B40-A586-85058906F51A}" dt="2021-06-08T09:16:22.211" v="348"/>
          <ac:inkMkLst>
            <pc:docMk/>
            <pc:sldMk cId="1686217449" sldId="273"/>
            <ac:inkMk id="260" creationId="{4E5C765E-D614-6C46-8E72-AF845C76BE80}"/>
          </ac:inkMkLst>
        </pc:inkChg>
        <pc:inkChg chg="add">
          <ac:chgData name="David Lindero" userId="99e779fe-8d8e-44db-9ba6-c59f9563b2fa" providerId="ADAL" clId="{725E150F-BFE4-3B40-A586-85058906F51A}" dt="2021-06-08T09:16:32.023" v="349"/>
          <ac:inkMkLst>
            <pc:docMk/>
            <pc:sldMk cId="1686217449" sldId="273"/>
            <ac:inkMk id="261" creationId="{769BCC60-52F9-5842-84E4-FCE63E357CD1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62" creationId="{7FCAFAB8-BBA7-BD4A-BFE6-780063BCAB8E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63" creationId="{86C7942D-74F3-AC46-B46E-D3F2AC557F8F}"/>
          </ac:inkMkLst>
        </pc:inkChg>
        <pc:inkChg chg="add">
          <ac:chgData name="David Lindero" userId="99e779fe-8d8e-44db-9ba6-c59f9563b2fa" providerId="ADAL" clId="{725E150F-BFE4-3B40-A586-85058906F51A}" dt="2021-06-08T09:17:20.608" v="367"/>
          <ac:inkMkLst>
            <pc:docMk/>
            <pc:sldMk cId="1686217449" sldId="273"/>
            <ac:inkMk id="265" creationId="{2FD15967-6D6C-C44A-B27A-059CFDA1EE3E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66" creationId="{B08295B4-0888-144A-939D-83BC7E5BA103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67" creationId="{2B382D54-F837-804A-B281-D9E523CE775C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69" creationId="{60B90066-F9C2-494D-8873-4065F418001F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70" creationId="{FAE6A3DA-79B6-CA41-B0EB-CD4BF485C87C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71" creationId="{21CCF532-C144-D44A-BE94-699D9D938581}"/>
          </ac:inkMkLst>
        </pc:inkChg>
        <pc:inkChg chg="add del topLvl">
          <ac:chgData name="David Lindero" userId="99e779fe-8d8e-44db-9ba6-c59f9563b2fa" providerId="ADAL" clId="{725E150F-BFE4-3B40-A586-85058906F51A}" dt="2021-06-08T09:17:37.211" v="379"/>
          <ac:inkMkLst>
            <pc:docMk/>
            <pc:sldMk cId="1686217449" sldId="273"/>
            <ac:inkMk id="273" creationId="{4746BA43-B39A-1E4B-AB95-A4A5A89CE03D}"/>
          </ac:inkMkLst>
        </pc:inkChg>
        <pc:inkChg chg="add del topLvl">
          <ac:chgData name="David Lindero" userId="99e779fe-8d8e-44db-9ba6-c59f9563b2fa" providerId="ADAL" clId="{725E150F-BFE4-3B40-A586-85058906F51A}" dt="2021-06-08T09:17:36.868" v="378"/>
          <ac:inkMkLst>
            <pc:docMk/>
            <pc:sldMk cId="1686217449" sldId="273"/>
            <ac:inkMk id="274" creationId="{0FB46B84-C16B-0B43-A449-E331AC7E15CE}"/>
          </ac:inkMkLst>
        </pc:inkChg>
        <pc:inkChg chg="add topLvl">
          <ac:chgData name="David Lindero" userId="99e779fe-8d8e-44db-9ba6-c59f9563b2fa" providerId="ADAL" clId="{725E150F-BFE4-3B40-A586-85058906F51A}" dt="2021-06-08T09:17:54.217" v="384"/>
          <ac:inkMkLst>
            <pc:docMk/>
            <pc:sldMk cId="1686217449" sldId="273"/>
            <ac:inkMk id="276" creationId="{55299B68-CA26-E74D-80E9-199F292396E7}"/>
          </ac:inkMkLst>
        </pc:inkChg>
        <pc:inkChg chg="add del topLvl">
          <ac:chgData name="David Lindero" userId="99e779fe-8d8e-44db-9ba6-c59f9563b2fa" providerId="ADAL" clId="{725E150F-BFE4-3B40-A586-85058906F51A}" dt="2021-06-08T09:17:54.655" v="385"/>
          <ac:inkMkLst>
            <pc:docMk/>
            <pc:sldMk cId="1686217449" sldId="273"/>
            <ac:inkMk id="277" creationId="{02D17E49-45A2-DB4F-9D28-407740603F88}"/>
          </ac:inkMkLst>
        </pc:inkChg>
        <pc:inkChg chg="add del topLvl">
          <ac:chgData name="David Lindero" userId="99e779fe-8d8e-44db-9ba6-c59f9563b2fa" providerId="ADAL" clId="{725E150F-BFE4-3B40-A586-85058906F51A}" dt="2021-06-08T09:17:54.217" v="384"/>
          <ac:inkMkLst>
            <pc:docMk/>
            <pc:sldMk cId="1686217449" sldId="273"/>
            <ac:inkMk id="278" creationId="{98AE51A7-6DF2-064C-B73C-8B120E381980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80" creationId="{DAA38221-6D51-8548-86CD-040E33B8036F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82" creationId="{AC34B698-9A39-BC43-929F-69BFB933070C}"/>
          </ac:inkMkLst>
        </pc:inkChg>
        <pc:inkChg chg="add topLvl">
          <ac:chgData name="David Lindero" userId="99e779fe-8d8e-44db-9ba6-c59f9563b2fa" providerId="ADAL" clId="{725E150F-BFE4-3B40-A586-85058906F51A}" dt="2021-06-08T09:18:06.975" v="397"/>
          <ac:inkMkLst>
            <pc:docMk/>
            <pc:sldMk cId="1686217449" sldId="273"/>
            <ac:inkMk id="284" creationId="{ECED41CB-E9AA-0244-8D06-FA0E620ADF49}"/>
          </ac:inkMkLst>
        </pc:inkChg>
        <pc:inkChg chg="add">
          <ac:chgData name="David Lindero" userId="99e779fe-8d8e-44db-9ba6-c59f9563b2fa" providerId="ADAL" clId="{725E150F-BFE4-3B40-A586-85058906F51A}" dt="2021-06-08T09:18:04.132" v="392"/>
          <ac:inkMkLst>
            <pc:docMk/>
            <pc:sldMk cId="1686217449" sldId="273"/>
            <ac:inkMk id="286" creationId="{741F68BE-7550-8B44-AF3A-C14271E9CED3}"/>
          </ac:inkMkLst>
        </pc:inkChg>
        <pc:inkChg chg="add">
          <ac:chgData name="David Lindero" userId="99e779fe-8d8e-44db-9ba6-c59f9563b2fa" providerId="ADAL" clId="{725E150F-BFE4-3B40-A586-85058906F51A}" dt="2021-06-08T09:18:04.437" v="393"/>
          <ac:inkMkLst>
            <pc:docMk/>
            <pc:sldMk cId="1686217449" sldId="273"/>
            <ac:inkMk id="287" creationId="{40156185-20E2-2740-8019-81996CFC581E}"/>
          </ac:inkMkLst>
        </pc:inkChg>
        <pc:inkChg chg="add">
          <ac:chgData name="David Lindero" userId="99e779fe-8d8e-44db-9ba6-c59f9563b2fa" providerId="ADAL" clId="{725E150F-BFE4-3B40-A586-85058906F51A}" dt="2021-06-08T09:18:05.323" v="394"/>
          <ac:inkMkLst>
            <pc:docMk/>
            <pc:sldMk cId="1686217449" sldId="273"/>
            <ac:inkMk id="288" creationId="{96A44547-2752-5F42-BA42-42EDEEF6FC17}"/>
          </ac:inkMkLst>
        </pc:inkChg>
        <pc:inkChg chg="add">
          <ac:chgData name="David Lindero" userId="99e779fe-8d8e-44db-9ba6-c59f9563b2fa" providerId="ADAL" clId="{725E150F-BFE4-3B40-A586-85058906F51A}" dt="2021-06-08T09:18:06.023" v="395"/>
          <ac:inkMkLst>
            <pc:docMk/>
            <pc:sldMk cId="1686217449" sldId="273"/>
            <ac:inkMk id="289" creationId="{13A7ECA1-3490-4145-B1FE-AB87AF0D269E}"/>
          </ac:inkMkLst>
        </pc:inkChg>
        <pc:inkChg chg="add">
          <ac:chgData name="David Lindero" userId="99e779fe-8d8e-44db-9ba6-c59f9563b2fa" providerId="ADAL" clId="{725E150F-BFE4-3B40-A586-85058906F51A}" dt="2021-06-08T09:18:06.395" v="396"/>
          <ac:inkMkLst>
            <pc:docMk/>
            <pc:sldMk cId="1686217449" sldId="273"/>
            <ac:inkMk id="290" creationId="{B2CB16FE-D36A-3141-822C-61DA201348E9}"/>
          </ac:inkMkLst>
        </pc:inkChg>
      </pc:sldChg>
    </pc:docChg>
  </pc:docChgLst>
  <pc:docChgLst>
    <pc:chgData name="David Lindero" userId="99e779fe-8d8e-44db-9ba6-c59f9563b2fa" providerId="ADAL" clId="{FD3D7B16-1F8D-DC42-8B71-0DDF6A0E35BA}"/>
    <pc:docChg chg="delSld modSld">
      <pc:chgData name="David Lindero" userId="99e779fe-8d8e-44db-9ba6-c59f9563b2fa" providerId="ADAL" clId="{FD3D7B16-1F8D-DC42-8B71-0DDF6A0E35BA}" dt="2021-06-08T09:21:37.383" v="26" actId="20577"/>
      <pc:docMkLst>
        <pc:docMk/>
      </pc:docMkLst>
      <pc:sldChg chg="modSp mod">
        <pc:chgData name="David Lindero" userId="99e779fe-8d8e-44db-9ba6-c59f9563b2fa" providerId="ADAL" clId="{FD3D7B16-1F8D-DC42-8B71-0DDF6A0E35BA}" dt="2021-06-08T09:21:37.383" v="26" actId="20577"/>
        <pc:sldMkLst>
          <pc:docMk/>
          <pc:sldMk cId="1383928708" sldId="261"/>
        </pc:sldMkLst>
        <pc:spChg chg="mod">
          <ac:chgData name="David Lindero" userId="99e779fe-8d8e-44db-9ba6-c59f9563b2fa" providerId="ADAL" clId="{FD3D7B16-1F8D-DC42-8B71-0DDF6A0E35BA}" dt="2021-06-08T09:21:37.383" v="26" actId="20577"/>
          <ac:spMkLst>
            <pc:docMk/>
            <pc:sldMk cId="1383928708" sldId="261"/>
            <ac:spMk id="4" creationId="{6FF69E04-8523-4965-90ED-73D4F9BAE271}"/>
          </ac:spMkLst>
        </pc:spChg>
      </pc:sldChg>
      <pc:sldChg chg="del">
        <pc:chgData name="David Lindero" userId="99e779fe-8d8e-44db-9ba6-c59f9563b2fa" providerId="ADAL" clId="{FD3D7B16-1F8D-DC42-8B71-0DDF6A0E35BA}" dt="2021-06-08T09:21:31.438" v="0" actId="2696"/>
        <pc:sldMkLst>
          <pc:docMk/>
          <pc:sldMk cId="3709959988" sldId="270"/>
        </pc:sldMkLst>
      </pc:sldChg>
    </pc:docChg>
  </pc:docChgLst>
  <pc:docChgLst>
    <pc:chgData name="David Lindero" userId="99e779fe-8d8e-44db-9ba6-c59f9563b2fa" providerId="ADAL" clId="{7F7A1AC0-96C6-D14F-A636-36BD76D63EEC}"/>
    <pc:docChg chg="custSel modSld">
      <pc:chgData name="David Lindero" userId="99e779fe-8d8e-44db-9ba6-c59f9563b2fa" providerId="ADAL" clId="{7F7A1AC0-96C6-D14F-A636-36BD76D63EEC}" dt="2021-06-08T11:19:01.050" v="386" actId="20577"/>
      <pc:docMkLst>
        <pc:docMk/>
      </pc:docMkLst>
      <pc:sldChg chg="modSp mod">
        <pc:chgData name="David Lindero" userId="99e779fe-8d8e-44db-9ba6-c59f9563b2fa" providerId="ADAL" clId="{7F7A1AC0-96C6-D14F-A636-36BD76D63EEC}" dt="2021-06-08T11:11:02.822" v="7" actId="20577"/>
        <pc:sldMkLst>
          <pc:docMk/>
          <pc:sldMk cId="2230748882" sldId="271"/>
        </pc:sldMkLst>
        <pc:spChg chg="mod">
          <ac:chgData name="David Lindero" userId="99e779fe-8d8e-44db-9ba6-c59f9563b2fa" providerId="ADAL" clId="{7F7A1AC0-96C6-D14F-A636-36BD76D63EEC}" dt="2021-06-08T11:11:02.822" v="7" actId="20577"/>
          <ac:spMkLst>
            <pc:docMk/>
            <pc:sldMk cId="2230748882" sldId="271"/>
            <ac:spMk id="4" creationId="{6A927E07-3624-45B8-934B-C229726CA813}"/>
          </ac:spMkLst>
        </pc:spChg>
      </pc:sldChg>
      <pc:sldChg chg="delSp modSp mod">
        <pc:chgData name="David Lindero" userId="99e779fe-8d8e-44db-9ba6-c59f9563b2fa" providerId="ADAL" clId="{7F7A1AC0-96C6-D14F-A636-36BD76D63EEC}" dt="2021-06-08T11:15:09.764" v="316" actId="478"/>
        <pc:sldMkLst>
          <pc:docMk/>
          <pc:sldMk cId="1686217449" sldId="273"/>
        </pc:sldMkLst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2" creationId="{91310FA7-D463-8C40-AF10-EB7A4EACE962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35" creationId="{18478CA9-906F-9340-806F-168103E8D05D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38" creationId="{C80BA3F2-77B5-084C-89C5-7031858407AD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46" creationId="{EE7E1147-E988-9947-B9D9-8DFBD6F44DD9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66" creationId="{DB504920-12B0-DC4D-94A4-607C4C1C406C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74" creationId="{FEF2425C-8125-384D-81D9-065B28A56C74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80" creationId="{053F5233-413C-3447-9274-FD7477E77F79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83" creationId="{10D4B423-1BB5-4F43-8E4C-1E8952A5095A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87" creationId="{9A1EB648-9220-8A44-8625-1232E08ACFD2}"/>
          </ac:grpSpMkLst>
        </pc:grpChg>
        <pc:grpChg chg="del mod">
          <ac:chgData name="David Lindero" userId="99e779fe-8d8e-44db-9ba6-c59f9563b2fa" providerId="ADAL" clId="{7F7A1AC0-96C6-D14F-A636-36BD76D63EEC}" dt="2021-06-08T11:15:09.764" v="316" actId="478"/>
          <ac:grpSpMkLst>
            <pc:docMk/>
            <pc:sldMk cId="1686217449" sldId="273"/>
            <ac:grpSpMk id="152" creationId="{76CBADBE-A274-9E44-9202-8EF91840C7CB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170" creationId="{656AE516-D5FD-C146-A5B2-6086D56D7DAB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182" creationId="{3580A347-2989-7F41-B6C8-C1BC888ED162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204" creationId="{A812193A-290D-B646-87AE-77701635655E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225" creationId="{C6F6829F-4182-244D-8FFD-AC260B860E4C}"/>
          </ac:grpSpMkLst>
        </pc:grpChg>
        <pc:grpChg chg="mod">
          <ac:chgData name="David Lindero" userId="99e779fe-8d8e-44db-9ba6-c59f9563b2fa" providerId="ADAL" clId="{7F7A1AC0-96C6-D14F-A636-36BD76D63EEC}" dt="2021-06-08T11:14:00.467" v="310" actId="1035"/>
          <ac:grpSpMkLst>
            <pc:docMk/>
            <pc:sldMk cId="1686217449" sldId="273"/>
            <ac:grpSpMk id="291" creationId="{B2A26BF2-7311-294F-99C8-6C18CBF64CDF}"/>
          </ac:grpSpMkLst>
        </pc:grpChg>
        <pc:picChg chg="mod">
          <ac:chgData name="David Lindero" userId="99e779fe-8d8e-44db-9ba6-c59f9563b2fa" providerId="ADAL" clId="{7F7A1AC0-96C6-D14F-A636-36BD76D63EEC}" dt="2021-06-08T11:14:00.467" v="310" actId="1035"/>
          <ac:picMkLst>
            <pc:docMk/>
            <pc:sldMk cId="1686217449" sldId="273"/>
            <ac:picMk id="6" creationId="{CF248896-C7DD-214E-A5FC-CF8D110E9D82}"/>
          </ac:picMkLst>
        </pc:picChg>
        <pc:picChg chg="mod">
          <ac:chgData name="David Lindero" userId="99e779fe-8d8e-44db-9ba6-c59f9563b2fa" providerId="ADAL" clId="{7F7A1AC0-96C6-D14F-A636-36BD76D63EEC}" dt="2021-06-08T11:14:00.467" v="310" actId="1035"/>
          <ac:picMkLst>
            <pc:docMk/>
            <pc:sldMk cId="1686217449" sldId="273"/>
            <ac:picMk id="7" creationId="{1099308A-157C-B247-B5EC-A02691AFCD77}"/>
          </ac:picMkLst>
        </pc:picChg>
        <pc:picChg chg="mod">
          <ac:chgData name="David Lindero" userId="99e779fe-8d8e-44db-9ba6-c59f9563b2fa" providerId="ADAL" clId="{7F7A1AC0-96C6-D14F-A636-36BD76D63EEC}" dt="2021-06-08T11:14:00.467" v="310" actId="1035"/>
          <ac:picMkLst>
            <pc:docMk/>
            <pc:sldMk cId="1686217449" sldId="273"/>
            <ac:picMk id="9" creationId="{1369910C-AF0F-EF4B-B40F-0B9F37F46B64}"/>
          </ac:picMkLst>
        </pc:picChg>
        <pc:picChg chg="mod">
          <ac:chgData name="David Lindero" userId="99e779fe-8d8e-44db-9ba6-c59f9563b2fa" providerId="ADAL" clId="{7F7A1AC0-96C6-D14F-A636-36BD76D63EEC}" dt="2021-06-08T11:14:00.467" v="310" actId="1035"/>
          <ac:picMkLst>
            <pc:docMk/>
            <pc:sldMk cId="1686217449" sldId="273"/>
            <ac:picMk id="10" creationId="{EF5A341B-0BCB-4E4A-A838-1251956ABE96}"/>
          </ac:picMkLst>
        </pc:picChg>
        <pc:picChg chg="mod">
          <ac:chgData name="David Lindero" userId="99e779fe-8d8e-44db-9ba6-c59f9563b2fa" providerId="ADAL" clId="{7F7A1AC0-96C6-D14F-A636-36BD76D63EEC}" dt="2021-06-08T11:14:00.467" v="310" actId="1035"/>
          <ac:picMkLst>
            <pc:docMk/>
            <pc:sldMk cId="1686217449" sldId="273"/>
            <ac:picMk id="11" creationId="{264809CC-BE0B-9C4C-96BB-D803D96A3E14}"/>
          </ac:picMkLst>
        </pc:picChg>
        <pc:picChg chg="mod">
          <ac:chgData name="David Lindero" userId="99e779fe-8d8e-44db-9ba6-c59f9563b2fa" providerId="ADAL" clId="{7F7A1AC0-96C6-D14F-A636-36BD76D63EEC}" dt="2021-06-08T11:14:00.467" v="310" actId="1035"/>
          <ac:picMkLst>
            <pc:docMk/>
            <pc:sldMk cId="1686217449" sldId="273"/>
            <ac:picMk id="15" creationId="{1BB69BFF-FAAB-9547-AEE6-869631429095}"/>
          </ac:picMkLst>
        </pc:pic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5" creationId="{B6E74049-E15E-5644-966E-E8CE6633271F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8" creationId="{52BE2387-53D0-1443-872D-066D2F2F8487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17" creationId="{F1F94F9C-3A72-944F-B4BF-1F9BADFAE04A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18" creationId="{5D42FA42-6E08-0145-91CA-6ADE9B65BE00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19" creationId="{2BFE28A9-3B27-2B48-8871-961F566A8044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0" creationId="{09F2EDB2-494C-9642-9E4F-78B88F7CE389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2" creationId="{1DAEED78-4BD7-0D41-87FD-91E4027098A0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9" creationId="{24710AA2-F606-5046-8CFF-5B39CEE37740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30" creationId="{9AFE0A9F-5952-7C4B-8046-94F72EF47674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31" creationId="{50596408-AEB8-EF4A-B29F-445DE4C922C8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42" creationId="{3B4715F5-20A4-274A-A6EE-57563F4883F9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43" creationId="{4AB7EB93-F782-B142-B2E5-89D6CAD7EF71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44" creationId="{EB388D3D-14B6-4345-B503-DC115330570D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45" creationId="{79B09464-37DD-934F-BA78-9119BAE57878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47" creationId="{9DA37AA0-282C-344E-855E-1D67C9F93FF5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48" creationId="{9E93C203-2906-3A49-B5D5-7B61EB912825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49" creationId="{B252EF18-D5E5-DA4A-8B41-8927884EEA5C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50" creationId="{7BB6997F-2AE5-B04E-B001-7782CF41D5DF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51" creationId="{BE03AB05-A45A-7F45-B259-CE206635751F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52" creationId="{450CF84B-E233-8F40-9016-92CDF2B4B015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53" creationId="{4DD9341B-3D1C-5043-99BF-37DD13DEF2AD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54" creationId="{A3383592-3A92-F344-8C8A-0AB59ACE5DB5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56" creationId="{E5068898-6959-A643-BCBD-E97593EDF022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67" creationId="{2B80FF5F-7406-364D-8B31-B5506C1FD00B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68" creationId="{97B6D39A-1A02-CB44-8CEB-FC900E1578CF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69" creationId="{D90C82CE-4825-0942-937E-3A583999C087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70" creationId="{F8ED4432-61A0-8541-B603-DD41D5A579D7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71" creationId="{D59ADF30-E074-2440-B46D-70290E8B8B79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75" creationId="{2FA2777E-870C-084C-ACF9-131E38108EB8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76" creationId="{365DDE4C-0808-574C-A2C6-15870E5A16A3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77" creationId="{6EAE5D4E-0789-4343-9AC1-238C8D54186F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10" creationId="{CC581DD9-613F-E344-9863-D36683F38D8C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11" creationId="{7642FF70-0189-3B4F-B252-084C6CC4EF16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13" creationId="{7A3B3B1E-DF50-0C40-824F-6DD3CB7F5F5E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14" creationId="{78F0C2FF-0701-1B42-BF74-5C52B40864D8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15" creationId="{FFC577EC-1F96-194C-A6C9-D8103638FF92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16" creationId="{A5463B20-C026-4A4F-B403-A3CC99743548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17" creationId="{29DFAFEC-EF95-1B43-9D09-8DC58C28403E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19" creationId="{E4E02FC1-592E-8744-9313-2695861E169C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20" creationId="{F819C8C4-18B8-EB49-AF95-81C67D85F55C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21" creationId="{76EF2507-D014-9A4B-9CE7-C2749DC46BB5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23" creationId="{9108C339-53DF-3043-BB31-89D7B0DE297E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24" creationId="{E8FAA9E0-9891-564B-B0DF-9928C3C647B7}"/>
          </ac:inkMkLst>
        </pc:inkChg>
        <pc:inkChg chg="del mod">
          <ac:chgData name="David Lindero" userId="99e779fe-8d8e-44db-9ba6-c59f9563b2fa" providerId="ADAL" clId="{7F7A1AC0-96C6-D14F-A636-36BD76D63EEC}" dt="2021-06-08T11:14:45.486" v="315" actId="478"/>
          <ac:inkMkLst>
            <pc:docMk/>
            <pc:sldMk cId="1686217449" sldId="273"/>
            <ac:inkMk id="125" creationId="{0EC80B59-A56A-8D45-B572-B549C05BAB07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28" creationId="{A829A603-371B-964F-872B-1726DEC3A35B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29" creationId="{1C5F80A8-4718-4448-BDAD-28C660B89CFA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30" creationId="{7DFA32F5-5702-B44D-953C-D3AE0B9C610A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60" creationId="{4E5C765E-D614-6C46-8E72-AF845C76BE80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61" creationId="{769BCC60-52F9-5842-84E4-FCE63E357CD1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65" creationId="{2FD15967-6D6C-C44A-B27A-059CFDA1EE3E}"/>
          </ac:inkMkLst>
        </pc:inkChg>
        <pc:inkChg chg="mod">
          <ac:chgData name="David Lindero" userId="99e779fe-8d8e-44db-9ba6-c59f9563b2fa" providerId="ADAL" clId="{7F7A1AC0-96C6-D14F-A636-36BD76D63EEC}" dt="2021-06-08T11:14:00.467" v="310" actId="1035"/>
          <ac:inkMkLst>
            <pc:docMk/>
            <pc:sldMk cId="1686217449" sldId="273"/>
            <ac:inkMk id="276" creationId="{55299B68-CA26-E74D-80E9-199F292396E7}"/>
          </ac:inkMkLst>
        </pc:inkChg>
      </pc:sldChg>
      <pc:sldChg chg="modSp mod">
        <pc:chgData name="David Lindero" userId="99e779fe-8d8e-44db-9ba6-c59f9563b2fa" providerId="ADAL" clId="{7F7A1AC0-96C6-D14F-A636-36BD76D63EEC}" dt="2021-06-08T11:19:01.050" v="386" actId="20577"/>
        <pc:sldMkLst>
          <pc:docMk/>
          <pc:sldMk cId="571085435" sldId="274"/>
        </pc:sldMkLst>
        <pc:spChg chg="mod">
          <ac:chgData name="David Lindero" userId="99e779fe-8d8e-44db-9ba6-c59f9563b2fa" providerId="ADAL" clId="{7F7A1AC0-96C6-D14F-A636-36BD76D63EEC}" dt="2021-06-08T11:19:01.050" v="386" actId="20577"/>
          <ac:spMkLst>
            <pc:docMk/>
            <pc:sldMk cId="571085435" sldId="274"/>
            <ac:spMk id="5" creationId="{80CFE1E9-2446-4327-A152-D121E1DA7E83}"/>
          </ac:spMkLst>
        </pc:spChg>
      </pc:sldChg>
      <pc:sldChg chg="modSp mod">
        <pc:chgData name="David Lindero" userId="99e779fe-8d8e-44db-9ba6-c59f9563b2fa" providerId="ADAL" clId="{7F7A1AC0-96C6-D14F-A636-36BD76D63EEC}" dt="2021-06-08T11:13:36.363" v="292" actId="20577"/>
        <pc:sldMkLst>
          <pc:docMk/>
          <pc:sldMk cId="4218537958" sldId="275"/>
        </pc:sldMkLst>
        <pc:spChg chg="mod">
          <ac:chgData name="David Lindero" userId="99e779fe-8d8e-44db-9ba6-c59f9563b2fa" providerId="ADAL" clId="{7F7A1AC0-96C6-D14F-A636-36BD76D63EEC}" dt="2021-06-08T11:13:36.363" v="292" actId="20577"/>
          <ac:spMkLst>
            <pc:docMk/>
            <pc:sldMk cId="4218537958" sldId="275"/>
            <ac:spMk id="5" creationId="{80CFE1E9-2446-4327-A152-D121E1DA7E83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47:24.953"/>
    </inkml:context>
    <inkml:brush xml:id="br0">
      <inkml:brushProperty name="width" value="0.1" units="cm"/>
      <inkml:brushProperty name="height" value="0.1" units="cm"/>
      <inkml:brushProperty name="color" value="#00A0D7"/>
    </inkml:brush>
  </inkml:definitions>
  <inkml:trace contextRef="#ctx0" brushRef="#br0">1 0 20202,'19'0'-404,"0"0"294,-9 0 1,7 0 167,-4 0 0,4 0 65,2 0 1,0 0-8,0 0 1,-7 0 181,1 0-169,0 0 1,6 0-5,-1 0 1,1 0-57,0 0 1,7 0 41,-1 0 1,9 0-151,-3 0 1,7 0 155,6 0 1,3 0-15,3 0 0,14 0-66,-1 0 0,2 0-180,5 0 0,-1 0 65,7 0 1,-6 0-306,-1 0 0,3 0 394,10 0-1227,-12 0 1223,12 0-2197,-6 0 2451,2 0-237,14 0 0,-14 0 6,7 0 9,-9 0-13,-1 0 29,1 0 17,0 0 127,0 0-944,-9 0 820,-1 0-19,-9 0 10,0 0-8,-9 0 10,7 0 1,-15 0 334,4 0-342,-4 0-89,-2 0 86,0 0-1,0 0 1175,-9 0-1174,-1 0 2299,-1 0-2291,-6 0 841,7 0-1151,-9 0 579,8 0-297,-14 0-199,12 0-13,-14 0 192,8 0-134,-1 0 0,-5 0 99,0 0 9,-9 0 25,13 0-35,-15 0-21,6 0 14,1 0 0,-5 0-15,9 0-2,-9 0 107,13 0 76,-15 0 3,15 0-136,-7 0 155,1 0 22,6 0-173,-7 0 103,1 0 1,6 0-49,-5 0-31,-3 0-143,8 0 146,-15 0 23,14 0-20,-13 0 17,13 0-13,-5 0 11,0 0-253,5 0 140,-5 0 85,-1 0-28,7 0-104,-6 0 115,-1 0-22,7 0-4,-6 0 1,8 0 12,0 0-4,0 0 5,0 0 0,8 0 0,-6 0 0,7 0 0,-10 0 0,1 0 0,-8 0 0,6 0-5,-7 0 5,9 0 0,-8 0 0,6 0 0,-7 0 24,1 0-24,6 0 1,-7 0 61,9 0-59,-8 0 4,6 0-1,-7 0 4,9 0 118,0 0-16,0 0-93,-8 0-3,5 0-26,-5 0 29,-1 0 9,7 0-3,-6 0-93,-1 0 86,7 0 3,-6 0-89,-1 0 81,7 0 5,-15 0-11,15 0-2,-15 0 0,9 0 2,-5 0-44,-4 0 229,7 0-118,-9 0 13,8 0 64,-6 0 24,7 0-97,-9 0-27,8 0 0,-4 0 3,9 0 0,-7 0-10,7 0 1,-7 0 77,7 0-78,0 0 2,-3 0-4,-2 0 3,1 0-17,-7 0 0,9 0-98,-5 0 110,-4 0 10,6 0-290,-8 0 291,9 0-30,-7 0-176,15 0 1,-13 0-1934,9 0 1122,-1 0 966,-1 0 0,6 0 0,-7 0 0</inkml:trace>
</inkml:ink>
</file>

<file path=ppt/ink/ink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0.692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33 48 19968,'-4'0'734,"-2"0"1,6 0-123,-3 3-389,0-3 1,2 4 306,-1-2-199,-2-1-136,3 2 1,-2-2 250,3 1-39,0 2-176,0 2 0,3 1-57,-1 0 0,3-3 0,-1 1 1,2-2 76,1 2 0,2 0-33,0-3 0,1 3-287,-1-3-363,-2 0 367,3-2 1,-1 0-214,0 0 192,2-3-7,-3 0 1,2-4 105,-4 0 0,-1 0-5,-1 1 118,-2-1-116,4-3 1,-6 3-2,3-2 0,-3 2-7,0 0 1,-3-2 251,-1 0 0,-2 2 115,-1 3 1,1 2-10,-1-3 0,-2 4-138,0-2 0,-3 3-16,1 0 1,0 3 7,0 1 1,2 4 119,-2 1 0,3 3-94,-1-1 1,2 4-19,0 1 1,3 2-52,-1 0 0,4 1-164,-2-1 1,3 1-649,3-1 368,0-2 120,4 1 1,2-4-81,0 0 0,3-1-93,-1-1 0,2-4-256,0 0 1,3-1 271,2-4 1,-1 0-27,1-2 0,-1 0-892,1 0 0,1-3 7,-4-4 0,-1 0-626,-3-2 1847,-3-1 0,2-1 0,-4-2 0</inkml:trace>
</inkml:ink>
</file>

<file path=ppt/ink/ink10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4.092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7 14 20228,'0'-4'952,"0"1"0,0 2-99,-3-2-619,2 2 0,-2-1-14,3 4 1,0 3 585,0 2-293,0 0-185,0 1 0,0 1 23,0 1 0,0 2-232,0-2 1,0 2-172,0-2 0,0 3 215,0 0 0,1-3 306,1 0-1432,-1 1 0,3-2-2005,-1 0 2968,-3 0 0,4-2 0,-4 0 0</inkml:trace>
</inkml:ink>
</file>

<file path=ppt/ink/ink10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4.446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1 74 20226,'0'-5'0,"0"0"608,0 1-418,0-1 0,0-1 1431,0 1-1015,0 2 1,2-1-109,1 1 1,2 0-162,0-2 1,2-1-622,0 4 0,1-3 239,-1 3 0,3-3 212,0 2 0,0 1 219,0 2-386,-2 0 0,3 0 0,-4 0 0</inkml:trace>
</inkml:ink>
</file>

<file path=ppt/ink/ink10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5.138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8 1 19708,'-4'0'1169,"0"3"-693,4 1 1,0 4 80,0 2 1,3-1-235,-1 3 0,2 1-98,-2 1 0,0 1 308,3 0 0,-4 2-64,2 0 0,0 0-95,-1-2-109,1-1-53,-3 1-154,3-3 105,-2-2 155,2-2-336,-3-1 124,0-3 247,0-1-161,0-3 0,0-3-453,0-2 0,1-4-193,1-1 0,-1-3 340,2 1 0,0-3 1,-1 0-487,4-5 238,-2 8 0,3-6 47,-2 3 0,1 1-14,-1 2 0,2-1 99,0 3 0,-2-1-24,0 4 0,-3-2 436,3 7 1,-2-1 219,1 3 0,-1 4 262,2 1 1,-3 4-277,3 4 1,-2 1-26,1 0 1,-1 1-52,2 0 1,-4-1-80,2 1 1,0-3 33,0 1 0,2-4 231,-3 0-695,4-4-607,-2-2 593,0-3 1,2 0-312,-1-3 1,-1-1 185,1-3 0,0-4-13,3-1 0,-4-2-19,1-1-14,0 4 150,3-3 1,1 3 22,1-1 0,0-1-41,-3 3 1,1 1 410,-1 1 1,0 3 156,-3 0 0,3 4 632,-2-2-495,-2 6-197,4 1 0,-6 6 363,1 3-453,2 1 0,-3 3 1,1 1 311,-1 0 1,-1-1-188,0 0 1,0 1-33,0-1 1,1-1-2032,1-3 1,0-3 1769,3-2 0,0-1 0,2 0 0</inkml:trace>
</inkml:ink>
</file>

<file path=ppt/ink/ink10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5.697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8 81 20162,'0'7'0,"0"1"0,0 2 1845,0 2-1175,3 2 1,-1 1 1396,3 0-1029,-4 3-638,6 0 0,-6 5-140,4-1 0,0 0-140,2 0 0,-2 0-161,0 0 0,-1-3 201,1-2 1,-1-2 66,-4 0 0,0-1-1167,0-2 0,0-1-182,0-4 0,-1-3 397,-2-1 1,2 0-8,-4-1 578,0 1-23,-3-3 1,2-1 103,1-2 0,-1 2-128,1-4 1,1-1 69,-1-4 1,3-1 387,0-4 0,0 0-96,-1-2 1,3-3-70,-3-4 0,2-3-62,1-2 0,0-2 4,0 2 0,0-2-68,0 4 1,0 1-4,0 2 1,0 4 413,0 3 1,0 2 586,0 3 0,1-1-333,2 3 0,-2 3 233,4 2 0,1 3-426,4 0 0,-1 1-268,3 1 0,0 3-215,3 2 0,2 3 12,0 1 0,0 0-209,-2 4 0,0-2 280,-1 1 1,0 2 99,-1-2 1,-4 2-414,-4 1 1,-1 0 72,-4-1 1,-2 1 402,-3 0 1,-1-3-20,-6 0 1,0-3-25,-3 1 1,0-2-508,1 0 1,-2-4-500,-1-2 0,1-1 623,-1-1 0,3-1 148,1-1 77,6-2 0,-3-7 0,2 0 0</inkml:trace>
</inkml:ink>
</file>

<file path=ppt/ink/ink10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7.045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176 45 20218,'0'-5'72,"-1"1"556,-2 2-54,3 1-135,-7-5-206,3 2 1,-3-3 324,-1 2 1,1 2-145,0 3 1,-1-3-182,1 1 1,0-1 47,-1 3 1,0 1 189,-2 2 1,2-1-46,-2 6 1,0-2-17,0 6 0,0 1 18,3 1 0,-1 2-138,1 1 1,2 1-154,0 1 1,4 2 81,-2-4 1,3 0 13,3-2 1,1-4-146,3-1 0,1-3-944,2-2 1,-1 1 342,3-3 1,0-2-32,3-3 0,-3-5 160,1-3 1,-4-2 67,4 2 1,-4-3 152,0 1 0,0-2-71,-2-1 1,-2 1-22,0-1 0,-3 1 89,3 2 0,-3-1 384,0 3 1,-1-2-83,-1 2 0,0 0 96,0 3 0,2 2 542,1 0-489,-1 3-118,-2-1 0,0 7 104,0 4 0,0 2-101,0 5 0,0 0 28,0 3 1,0-2 565,0 3-824,0-2 1,3 3-412,-1-3 1,4 0-686,-1-5 0,4-1-480,1-4 0,2-3 193,-2-2 1443,0-1 0,0-1 0,2 0 0</inkml:trace>
</inkml:ink>
</file>

<file path=ppt/ink/ink10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7.470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0 1 20218,'5'0'0,"-2"4"1195,-3 3-212,0 1 0,0 6-382,0-2 1,0 2-246,0 4 1,0-4-378,0 1 54,0 0 1,0-6 169,0 3 1,1-6 15,1-1 1,0-1 110,3-2-330,-4 1 0,3-7 0,-4 0 0</inkml:trace>
</inkml:ink>
</file>

<file path=ppt/ink/ink10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7.595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8 44 20218,'-4'-7'0,"1"0"1394,3-1-880,0 1 1,0 2 436,0 0-606,0 3 0,0 0-1099,0 4 1,3 2 529,2 4 0,1-1 224,2 1 0,-1 2 0,0 2 0</inkml:trace>
</inkml:ink>
</file>

<file path=ppt/ink/ink10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8.320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0 8 21852,'0'7'1536,"0"1"-928,0 2-33,3 1-279,-2 4 1,5 0-37,-4 0 1,3 2-19,-2 0 1,2-2-41,-3 0-136,4-5 0,-5 5 1,1-6-1,-1 0 0,0 0 116,1-4-134,-1-2-5,2-3 1,-4 0-40,-1 0 0,1-3 78,-1-2 1,-2-4 4,2 0 0,-1-2-62,3 1 1,0 1-209,0-3 119,0 3 32,0-5 66,0 6 1,1-5-5,2 3 0,-2-2 9,4 2 1,-2-2-178,2 2 0,0 0 106,2 3 0,-2-1 57,0 1 1,0 1-270,2 1 1,0 1-1152,1 4 1,-1 0 587,0 0 0,1 1 131,-1 2 1,0 1 675,1 3 0,-1 0 0,0 1 0</inkml:trace>
</inkml:ink>
</file>

<file path=ppt/ink/ink10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8.467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0 29 20137,'0'8'840,"0"-1"0,0 1-615,0 2 0,0-1 194,0 3 1,1 1 769,2 1 0,-2 0-612,4-2 0,-2 1-235,1-3 0,-1 0-240,2-3 1,-4-2 347,2 0-445,-2-3 73,-1 1 1,0-4 146,0-1 0,2-5-267,1-2 1,-1-5-1112,-2 2 1,3-1 238,-1 1 0,1-2 784,0 2 0,-3 0 43,3 0 1,1 2-128,1-2 1,-1 3 226,1-1 0,0 2-65,2 1 1,-2 0-118,0 2 0,-3 2 284,3 3 0,-2 3 1067,2 2 1,-4 5-462,2 2 0,0 5 21,-1 0 1,1 0-330,-3-2 1,1-1-144,1 1 0,-1-1-386,1-2 0,0-1 198,1-4 109,-3-3 0,4-1-253,-1-3 0,-2-1-1352,4-4 0,-2-1 571,2-6 0,-3 2-6,3-2 1,-2 0 446,1-3 0,1 4 177,-1 1 1,3-1 186,-2 1 0,1 1-62,2 1 1,-3 1-126,0-1 0,-1 4 170,4 2 1,-3-1 1160,0 0 1,-4 4-287,2 4 1,0 4 241,-1 1 0,2 4-629,-2 0 0,0 1-51,3 2 0,-3 1 32,3-1 1,-1 0-140,1-2 0,2-3-301,-3-3 1,2-1 0,0-1 0,-1-1-5457,0-1 5482,-1-4 0,2 3 0,-2-4 0</inkml:trace>
</inkml:ink>
</file>

<file path=ppt/ink/ink10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9.233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0 125 20013,'0'4'1171,"0"3"-264,0-7 257,4 4-798,0-4 0,1 0-270,0 0 1,0-4 66,2-1 0,-2-1-142,0-1 0,-1-1 63,1 1 1,-1-1 127,-2-2 0,-1 2-65,1-2-528,-1 2 0,-1 0 624,0 1 1,-2 2-60,-1 0 1,-2 4 716,0-2-277,-2 2-379,0 1 0,0 1 40,2 2 0,0 1 83,2 3 1,-2 0 147,3 1 10,-1 2-248,3 2 1,0 2-167,0-2 1,4 2 51,1-2 1,0 0-860,0 0 1,4-3 461,-1 1 1,1-2-1304,-2-1 1,3-2 732,0 0 1,2-3 367,-2 0 0,2-4-103,-2-3 1,0-4-640,0-1 1,-4-1 631,1 1 0,-2 1 223,0-3 0,1 3 1090,-4-1-694,1 2 0,-3 3 2081,0 0-1344,0 4-621,0 4 1,0 3 435,0 6 0,0-2 1116,0 2 0,0 0-702,0 3 0,0-3-538,0 1 1,0-4-718,0 0 0,0-1 0,0-1-187,3-2 1,-2-3 336,1-4 1,1-3 223,0-5 0,2-2-90,-3-5 1,3 1-1291,-3-1 0,4 1 697,-1-1 1,2 1 261,0-1 0,0 2 565,1 3 0,0-2-235,2 2 1,0 1 599,2 2 1,0 1-358,-2 3 0,-2 2-129,2 3 0,-3 4 239,-2 3 0,1 5 1159,-1 5-1142,-1 2 1,1 3 346,-2 0-600,-1-3 1,1 2-928,-1-1 0,3-3 474,-2 1 0,2-4 319,0-1 1,-1-4 147,1-4 1,-2-1-2686,1-4 1,1-2 2485,3-3 0,-1-6 0,0-8 0</inkml:trace>
</inkml:ink>
</file>

<file path=ppt/ink/ink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1.224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28 1 20244,'-1'4'558,"-1"0"0,1 1-230,-1 2 0,1-1 69,1 1 0,0 3-112,0 1 0,-1 4-63,-1 0 1,1 4 670,-1-1-81,1-2-433,1 3 0,0-4 253,0 3-410,0-3-56,0 4 1,1-4 83,1 3 0,-1-3-306,1 1 1,1-2-356,-1-1 1,1-2 433,-3 1 1,0-4-64,0 1 1,0-2-960,0 0-248,0-1 316,0-2-174,0 2 530,0-5-368,-3 2 195,2-3 0,-4-1 82,2-1 97,1-2 569,-1-3 0,0-5 0,-4-2 0</inkml:trace>
</inkml:ink>
</file>

<file path=ppt/ink/ink1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9.628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1 12 20013,'4'-7'979,"2"3"1,-5 5 1786,1 6-1359,-1 4-604,-1 7 1850,0 0-1725,4 4 1,-3 0 8,4-3-767,0 6-69,-1-6 0,4 4-101,-3-3 0,3-4 0,-3 1 0,2-1-1064,0-2-635,-3-2 0,2-2-1518,-4-2 3217,1-4 0,-6-1 0,-2-3 0</inkml:trace>
</inkml:ink>
</file>

<file path=ppt/ink/ink1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0.003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0 60 20013,'8'-8'1638,"2"4"0,1-2-891,1 4 77,2-4-479,-6 2 0,6-1-16,-2 0 0,0 4-6,0-2-323,0-1 0,3 0 0,0-3 0</inkml:trace>
</inkml:ink>
</file>

<file path=ppt/ink/ink1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1.087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81 95 21741,'0'8'1141,"0"2"-598,0 3 1,0 4 61,0 2 0,3 3-182,-1 0 0,1 0 1,-3 0 0,2 2-147,1 1 1,-1-1-29,-2-2 0,2 0-129,1 0 1,-1 0-446,-2-3 1,3 2 42,-1-4 0,1-1-1014,-3-4-741,0 2 906,0-6 223,0 3 0,0-8 371,0-3 1,-1-3 224,-2-4 0,2-2 90,-4-4 1,2 1 221,-1-5 0,1-2 0,-2 0 0,0-1 0,-2-2 0,0 4-182,-1-4 0,1 1 182,0-1 0,-1 0 250,1 0 0,-1-2-123,1-1 0,2 4 15,0 4 0,4-1 41,-2 1 1,2 0 448,1 2 1,1 0-6,2 1 1,4 0 92,5 1 1,2 0-373,1 4 0,3-1-99,1 2 1,0 2-216,1 1 1,1 3 74,1 4 0,2 2 140,-5 3 1,-1 2-147,-1 0 0,-2 2-215,-3 1 1,1 3 196,-6 0 0,1-1 152,-5 4 1,-2-2 196,-3 1 1,-2-1-64,-4 4 0,-2-4-178,-2 1 1,-2-2 38,-1-3 0,-1 1 33,-1-3 1,2 0-181,-2-3 1,-1-3-1218,1-1 1,0-2 409,5-1 0,-1 0-107,3 0 0,1-4-1839,4 0 2668,2-6 0,3-2 0,0-2 0</inkml:trace>
</inkml:ink>
</file>

<file path=ppt/ink/ink1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2.604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177 15 20217,'-4'0'-49,"1"0"88,3 0 290,-3-3-164,2 2 0,-5-3 172,4 1 1,-4 3-70,1-3 0,-1 2 35,-2 1 1,1 0-71,0 0 1,-3 0 136,0 0 1,-2 3-152,2-1 1,-2 4 13,2-1 1,0 4 37,3 1 0,-2 3 61,1-1 1,0 1-136,6-1 1,-3 5 35,2-3 1,1 3-286,2-3 0,2 1 121,1 0 0,3-4-507,2-1 1,0-2 165,4-1 0,0-3 14,3-1 0,0-2-35,-1-1 0,1-4-173,0-4 1,-4 0 70,-1-4 1,0 2 58,-3-2 1,2 0 332,-4-3 1,-1 1-88,1 2 1,-3-1-113,0 3 1,-1-1 201,-1 1 0,-1 2 577,-1-1 1,1 0-133,-1 2-26,-3 0-194,1-1 0,0 3 150,2 1-208,-2 2 1,3 2-57,-2 5 1,3 2 227,0 3 0,0-1-119,0 3 1,0 0-184,0 3 0,3 2-37,2 0 1,2 1-210,3-4 0,-1-1-941,3-1 0,-2-3 582,2 1 1,0-5-1240,3 0 1807,0-3 0,0 1 0,-1-3 0</inkml:trace>
</inkml:ink>
</file>

<file path=ppt/ink/ink1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3.123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0 74 20217,'5'0'450,"-2"1"0,-3 2 168,0 2-186,0 4-162,0-1 1,0 6 156,0-1 1,0-3-79,0 0 1,2 1-358,1-2 1,0 0 104,-1-4 0,0 1-531,3-3 161,-3-1 71,1-2 1,-3-3 220,0-2 0,0-4-45,0-1 0,0-2-171,0 2 1,-3-3 99,1 1 0,-1-1 250,3 0 1,0 0-108,0 3 0,1-2 113,2 2 1,0 1-144,2 1 0,1 1-39,-1 0 0,2 2-160,0 0 1,1 3-302,2 0 1,-2 1 7,2 1 0,1 0 184,-1 0 1,3 2-481,-1 1 1,2 2 771,0 0 0,4 2 0,1 0 0</inkml:trace>
</inkml:ink>
</file>

<file path=ppt/ink/ink1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3.628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162 8 19792,'-8'-3'0,"1"2"0,-1-1 0,1 1 2494,0 1-1619,-4 0 1,3 0-99,-2 0 1,0 3-344,0 2 0,-2 2 208,2 3 1,-1-1-218,1 3 0,2-2 20,-2 3 0,5-1-280,0 2 0,3-1-290,0-1 0,2-2-83,2 2 1,2-3-297,4 1 0,0-3 513,1-2 0,2 1-125,1-4 1,1 0-1136,-3-5 1,3 1 544,0-5 0,-3 1 226,0-4 0,1-1 278,-2 2 1,-1-4 0,-3 4-1,0-1 35,-1-1 0,1 3 323,-2-2 0,2 2 0,-2 1 384,1-1-41,-2 4-259,1 1 1,-3 4 0,0 1 0,0 4 600,0 3 1,0 0-326,0 3 0,0 0-471,0 3 1,0 0-566,0 0 0,3-3-992,2 0 1,2-3 824,0 1 1,0-5-740,1-3 1426,2-1 0,-2-1 0,3 0 0</inkml:trace>
</inkml:ink>
</file>

<file path=ppt/ink/ink1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4.082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8 44 20217,'0'4'1875,"0"4"-39,0-1-1231,-3 0 0,2 7 276,-2-5 1,3 4-369,0-4 1,0 4-239,0-4 1,0 4-43,3-3 1,-2-2-286,4-3 0,-2 1-361,2-3 73,0-1 1,2-5-11,0-2 0,0-3-455,-2-1 1,1-2 65,-1-1 1,-1-2 271,1 2 0,-2 0 86,1 0 1,1 3 146,-1-1 1,2 0 257,-3 0 0,2 0 15,0 3 1,-1-1-12,1 1 1,-1 2 208,1 0 160,2 4 1,-6-3 432,4 4 0,-3 4-403,0 0 0,2 6 234,-2 2 0,1 2-191,-3 1 1,0-1-112,0-2 0,0 5-236,3-3 1,-2-1-132,1-3 0,1-2-129,0 0 0,2-2-391,0-1 0,-1-2-234,1-3 0,0 0 403,3 0 1,-2-3-96,-1-2 1,2-4 0,-3-1-1,3-2 1,0 0-983,1 0 1322,2-1 1,-1 2 0,0-2 0,0 1 9,1 2 0,-1-2 230,3 2 0,-3 1 772,1 4 1,-2 2-170,0 3 287,-1 0 1,0 4-435,-3 3 1,0 3-154,-1 2 1,-2 4 0,1-1-586,-1 1 80,2-1 0,-2-1-658,2-2 1,0 2 733,-1-2 0,4 2 0,-2 1 0</inkml:trace>
</inkml:ink>
</file>

<file path=ppt/ink/ink1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4.929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15 73 20112,'-4'0'1942,"1"0"-1558,3 4 1,0 0 95,0 3-267,0 0 1,1 1-160,1-1-104,2 1 233,3-4 0,1 0-248,-1-2 0,1-1 103,-1 1 0,3-3 125,-1-2 0,1-2-238,-2 0 1,-2-2-245,-1 0 0,1-3 135,-4 0 0,1 0 121,0 3 0,-2 0 312,1-1 12,-1 1-257,-4 0 0,-1-1 227,-4 1 0,1 0-1,0 3 1,-1-1 31,1 3 1,0 1-125,-1-1 1,1 2 112,0 2 0,-1 1 0,1 2 0,0 4 139,2-1 1,0 3 22,2-1 0,-2 3-122,3-1 1,-1 2-185,3 1 1,1 0-66,2-1 0,1 1-113,3 0 0,3-4 61,0-1 1,3-2-98,-1-1 0,4-3-23,1-1 0,1-2-302,0-1 0,0-4-517,4 0 0,0-3 409,-3 0 0,3-2-573,-3 0 0,-3 0 322,-2-4 0,-1 1 16,-1-2 0,1 1 438,-3 1 1,-3-1 336,-2-4 0,0 1 0,2-2 0</inkml:trace>
</inkml:ink>
</file>

<file path=ppt/ink/ink1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5.445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81 38 20112,'-3'-11'539,"1"3"-200,-3-2-25,0 5-105,-2 2 0,0 4 398,-1 1 1,1 6 438,0 7 1,-1 2-25,1 3 0,2 3-534,0-1 0,4 5 1,-2 0 743,2 2-1120,5-3 1,0 2-253,3-4 96,0 1 253,4-3-737,0-3 0,2-1 1,-1-4 286,1-2 1,-2-4-89,2-3 0,-4-4-941,0 2-43,3-2 1,-5-2 30,1-2 1,-4-1 231,-4-3 1050,0 0 0,0-4 0,0 0 0</inkml:trace>
</inkml:ink>
</file>

<file path=ppt/ink/ink1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5.529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8 1 19881,'-4'0'2314,"0"0"-1806,4 0 1,1 0-2,2 0 1,1 0-182,3 0 1,4 1-105,1 1 0,-1-1-1146,1 1 514,1-1-250,1-1 1,0 0 659,-1 0 0,4 0 0,-2 0 0</inkml:trace>
</inkml:ink>
</file>

<file path=ppt/ink/ink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1.279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 1 20244,'6'0'1990,"1"0"-1021,0 0 0,0 0-126,2 0-447,4 0 1,1 0-979,3 2 525,-4-1 1,-2 2 127,1-3 1,-4 0 150,1 0 1,-1 0-155,1 0 0,-2 0-462,2 0 394,-1 0 0,1 0 0,2 0 0</inkml:trace>
</inkml:ink>
</file>

<file path=ppt/ink/ink1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6.075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0 118 20170,'0'5'0,"0"0"482,0-4 0,0 3 131,0-1 1,1-2 128,2 1 0,1-1-362,3-1 0,1 0-194,2 0 0,-1-1 136,3-1-654,-3 1 335,5-6 1,-6 3-81,2-3 1,-2-1 0,-3 1 0,-1 0 0,0-1-297,-3 1 368,0 0 0,-2 0-74,-1 2 0,-2-1 1,-4 2-297,1 0 1433,0 0-705,-4 4 0,3 0 283,-2 0 0,2 0-312,1 0 1,0 4 0,1 0 140,1 3 1,4 1-102,-2 2 0,2 1 1,1 2 233,0-1-618,0 0 181,0 3 0,4 0-704,1-1 1,4 0 169,0-2 1,4 1-1,1-3 1,1-1-1769,2-1 1601,0 0 0,1-2-348,-1-1 1,0-2 466,-2-3 0,-2 0 154,0 0 0,0 0-346,-3 0 0,2-3 265,-2-2 0,-1-1 240,-5-2 0,2 0 86,-3-2 0,-1-1 227,-2-4 0,0 3 30,0 0 0,0-3 358,0-2 1,0 0 491,0 2 0,0-2-493,0 0 0,0 0 149,0 5 0,0-1 456,0 3 41,0 1-1155,0 4 1,1 2-804,1 3 338,-1 0 1,6 3-335,-2 2 0,1-1-721,1 1 1,3-1 683,0 1 1,3 1-155,-1-4 1,1 1 906,0-3 0,1 3 0,-3 1 0</inkml:trace>
</inkml:ink>
</file>

<file path=ppt/ink/ink1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9:06.468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52 0 20986,'-1'5'1643,"-1"0"1,-1 0-953,-2 2 0,-4 4 155,5 1 0,-4 2-240,6 1 1,-3-3-48,2 0 0,2-2-16,3 2-1003,2 1 423,4-2 1,0 0-237,2-1 1,2-2-356,5-1 1,-1 0-27,4-2 1,-3-1 343,3 1 1,-3-2 4,2 2 0,-5-4 224,-2 2 0,-6 0 626,-1-1 0,-3 2 72,0-2 1,-7 2 664,-5 3 1,-3 3-708,-2 0 1,-2-1-101,0-4 0,-5 1-198,2-1 1,-2-1-263,5-2 1,1-1-6216,3-1 6200,-1 0 0,6-7 0,-2-1 0</inkml:trace>
</inkml:ink>
</file>

<file path=ppt/ink/ink1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0:15.515"/>
    </inkml:context>
    <inkml:brush xml:id="br0">
      <inkml:brushProperty name="width" value="0.1" units="cm"/>
      <inkml:brushProperty name="height" value="0.1" units="cm"/>
      <inkml:brushProperty name="color" value="#E71224"/>
    </inkml:brush>
  </inkml:definitions>
  <inkml:trace contextRef="#ctx0" brushRef="#br0">0 0 20927,'0'10'2187,"0"1"-1789,0-3 0,0 6-156,0 3 0,0-3-122,0 0 1,0-3 0,0 4-49,0 3 1,0-4 0,0 4 179,0 1-83,0-6 416,0 6-714,0-2 200,0-3 16,0 6-11,0-7-236,0 4 210,0-4-134,0 0 128,0-5-13,0 0-10,0 1-149,0-4 206,0 2 7,0-2-40,0 0 10,0 2 68,0-6 185,0 3-297,0 0-194,0 0 189,0 5-26,0 3-24,0-3-1421,0 3 800,0-7 665,0-5 0,0-5 0</inkml:trace>
</inkml:ink>
</file>

<file path=ppt/ink/ink1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0:19.505"/>
    </inkml:context>
    <inkml:brush xml:id="br0">
      <inkml:brushProperty name="width" value="0.1" units="cm"/>
      <inkml:brushProperty name="height" value="0.1" units="cm"/>
      <inkml:brushProperty name="color" value="#E71224"/>
    </inkml:brush>
  </inkml:definitions>
  <inkml:trace contextRef="#ctx0" brushRef="#br0">0 0 19480,'0'13'1176,"0"-1"-645,0-3-264,0-1-80,0 5-44,0 0-26,0 0-4,0 3 287,0-3-315,0 8-50,0-3 1,0-1 23,0-3-53,0-7 12,0 8-14,0-6 42,0 5 4,0-2-132,0-4 85,0 5 54,0-4-41,0 7-1,0-3 45,0 0 1,0-1-28,0 1 10,0-4-79,0 7 66,0-7-47,0 4 39,0-5-28,0 0 78,0 1 1,0-1-52,0 5 13,0-4 11,0 3-46,0-3-31,0-1 60,0 1-37,0-1 0,0 0-5,0 5 15,0-4-13,0 3 4,0 0 8,0 2 0,0-1 0,0 3 0,0-7 0,0 7 0,0-6 0,0 5 0,0-1 0,0-1 0,0 3 0,0-7 0,0 3 0,0 1 0,0 0 0,0 0 0,0 3 0,0-3-30,0 0-1,0 3-5,0-7 26,0 7-27,0-6 22,0 6-1,0-3-6,0 4-6,0-4 83,0 3-45,0-3 4,0 0-16,0-1 8,0-3-5,0-1-1,0 1 1,0-1-1,0 1 0,0-1 0,0 1 0,0-1 0,0 1 0,0-1 0,0 0 0,0 5 0,0-4 0,0 3 0,0 1 0,0-4 1,0 7 0,0-7 1,0 3-1,0-3 1,0-4 11,0 2 0,0-6 24,0 7-6,0-7-13,0 6-5,0-2-7,0 3-3,0 4-2,0-2 12,0 2-1,0-4-26,0 1 8,0-1 30,0-3-20,0 3 139,0-7-121,0 6 8,0-2 0,0 3 8,0 1-66,0-1 28,0-3-425,0 2 265,0-6 160,0 3 1,0-4 0</inkml:trace>
</inkml:ink>
</file>

<file path=ppt/ink/ink1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0:21.759"/>
    </inkml:context>
    <inkml:brush xml:id="br0">
      <inkml:brushProperty name="width" value="0.1" units="cm"/>
      <inkml:brushProperty name="height" value="0.1" units="cm"/>
      <inkml:brushProperty name="color" value="#E71224"/>
    </inkml:brush>
  </inkml:definitions>
  <inkml:trace contextRef="#ctx0" brushRef="#br0">0 51 18224,'0'-9'963,"0"1"-642,0 5-160,0-2-59,0-4 2,0 5 82,0-4 3,0 7 476,0-2-421,0 10-50,0-1-30,0 6-68,0 0-29,0-3-20,0 7 7,0-2 38,0-1-17,0 3-52,0-3 41,0 4-58,0 0 42,0 0-10,0-1 18,0-2 6,0 2-179,0-3 156,0 0-3,0 3-32,0-7-25,0 7 52,0-6-1,0 6-4,0-7 6,0 3 9,0-3-17,0 3 9,0-3-17,0 3-43,0-3 36,0-4-6,0 2 10,0-2 4,0 3-15,0 1 10,0-1 0,0 1-4,0-5-34,0 4 24,0-3-2,0 3 1,0-3-1,0 2 1,0-6 2,0 7 1,0-7 0,0 10 0,0-5-19,0 6-3,0-4-13,0 1-4,0-1 2,0-3 20,0 2-9,0-6 6,0 7-20,0-7 10,0 6 4,0-6 28,0 3 2,0 0-19,0-3-2,0 6 17,0-2 15,0 3-63,0 1-6,0-1 41,0 1-6,0-1-8,0-3 4,0 6-5,0-9 29,0 9 31,0-6-27,0 3 7,0 1-12,0-4 3,0 2 3,0-6-7,0 3 1,0-1 1,0-2 0,0 7 0,0-7-1,0 3 5,0-1-5,0 2 0,0 0 9,0-1 60,0-1-64,0-2 2,0 7 4,0-7 5,0 6-14,0-2 12,0 7 2,0-3-20,0 4-148,0-5 55,0-3-85,0-1 0,0-4 0</inkml:trace>
</inkml:ink>
</file>

<file path=ppt/ink/ink1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0:27.185"/>
    </inkml:context>
    <inkml:brush xml:id="br0">
      <inkml:brushProperty name="width" value="0.1" units="cm"/>
      <inkml:brushProperty name="height" value="0.1" units="cm"/>
      <inkml:brushProperty name="color" value="#E71224"/>
    </inkml:brush>
  </inkml:definitions>
  <inkml:trace contextRef="#ctx0" brushRef="#br0">0 6 19229,'5'-5'1925,"2"5"-2329,-6 5 825,7 3 0,-6 3 458,3 1-513,-3-1 47,6-3-474,-4 5 670,5 0-550,-1 4 160,1 0 1,-4-4-311,1-2-266,-4-5 164,5 5-9,-2-5 0,1 6 102,-1-4-290,-3-3 212,6 2-182,-7-2 128,6 4-31,-6-1 68,3 0 77,0 1-24,-3 3 106,2-6 0,-2 5-47,2-5 57,-2-3-71,3 5 78,0-3-17,-3 3 1,3 1-25,-1-1 10,-2-3 16,3 2 0,-3-2-20,2 3 26,-3-3-1,4 3 11,0-4-26,-3 5 58,3-1-29,-1 1 8,-2-5 28,7 4-12,-7-3-16,3 3 20,-1-3 23,-2 2-37,3-2-7,-4 3 27,0 1-8,0-1 26,0-3-25,0 2 54,0-6-32,0 7 25,0-7 17,0 3-24,0-1-1,0-2-42,0 7 16,0-7-134,0 3 101,4-12-132,-3 2 126,6-6 0,-5 1-6,4 0-36,-4-1 0,2 1-76,-1 0 69,-2 0-9,3-2 81,0 4-33,0-7 0,2 7 39,0-3-80,-5 3 22,7-3-12,-3-1 26,3-4 0,-2 1-110,-1 2 82,-3 5 40,6-2-43,-7 5 127,3-6-93,-1 4 23,-2-1 1,4 3-35,-2 1 22,-2 3-12,2-6-2,1 4 24,-3-8 8,3 2-5,0-2 2,-3 3 28,2 1-28,1 0 5,-3 3 18,3-3-15,-4 4-4,0-1 8,4-3-17,-4 8-20,4-8 24,-4 7 14,0-6-10,0 2 0,1-1-309,2 1 267,-2 3 34,3-6 1,-1 3-1,2-3 1</inkml:trace>
</inkml:ink>
</file>

<file path=ppt/ink/ink12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7:20.062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1 58 20328,'0'-11'683,"0"3"-345,0 8 114,0-9 55,0 7-634,0-6 185,0 8 348,0-9-179,0 7-185,0-6 135,0 8 1992,0 0-1866,0 8-301,0-6-3,0 15 126,0-6 0,0 2-96,0-1 1,0-6 61,0 7 0,0-7-39,0 7 1,0-7 21,0 7 1,0-7-9,0 7 0,0 0-44,0 6 0,0-7-220,0 1 198,0 0 0,0 6-8,0 0 1,0-1-10,0 1 0,0-6 36,0 0 1,0-1-47,0 7 0,0-6 34,0 0 1,0-1-23,0 7 1,0 0 18,0 0 1,0-6-3,0-1 1,0 1-33,0 6 0,0-6 33,0-1-15,0 1 9,0 6 0,0 0 13,0 0-13,0 0 0,0 0 45,0 0 0,0-7-39,0 1 0,0 0 1,0 6-1,0 0 4,0-9-19,0 7 16,0-6 1,0 1-17,0 1 13,0-9 1,0 7-11,0-5 8,0-4 1,0 15 0,0-7 0,0 3 0,0 0 0,0-7 6,0 7 0,0-7-6,0 7 0,0-7 0,0 7 2,0-9-1,0 13 0,0-7 5,0 9-3,0-8 1,0 6-4,0-5 0,0-1 1,0 1 1,0-5-4,0 5 0,0-5 3,0 5 0,0-5-3,0 5 1,0-5 1,0 5 1,0-5-2,0 5 0,0-5 8,0 5 1,0-8 19,0 13-24,0-6-4,0 8 1,0-7 3,0 1 0,0-7-6,0 7 1,0-7 8,0 7 14,0-9-8,0 13 0,0-13 13,0 9-18,0-9-4,0 13 1,0-13 28,0 9-24,0-9 0,0 7 21,0-5-10,0-4-15,0 7 17,0-9-3,0 8 1,0-6 2,0 6 12,0 1-24,0-7 1,0 9-28,0-5 33,0-4-9,0 6 1,0-5 38,0 3-1,0-4-27,0 15 4,0-15-20,0 15 20,0-15-116,0 6 103,0-8 0,0 2-48,0 5 33,0-5-2,0 6 10,0-8 6,0 0-16,0 9 3,0-7 214,0 6-185,0 1 34,0-7 1,0 8 53,0-3 6,0-5-90,0 6 44,0-8-73,0 9 62,0-7 7,0 6-17,0-8-197,0 9 92,0-7 20,0 15 0,0-13 25,0 8-4,0-7 14,0 11 0,0-11-11,0 7 61,0-7-60,0 3-55,0-8-2237,0 0 1,0 0-1</inkml:trace>
</inkml:ink>
</file>

<file path=ppt/ink/ink12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7:22.201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1 1 22683,'0'15'395,"0"4"1,0-11-197,0 11 1,0-4 93,0 4-199,0 0 76,0 0-248,0 0 203,0 0 0,0 0 252,0 0-208,0 8 1,0 0-66,0 5 1,0-5-131,0-8 1,0 7-66,0-1 192,0 0-24,0 3 0,0-7-94,0 4-81,0-4 116,0-2 1,0 2-84,0 4 1,0-8 124,0 9 1,0-16-25,0 9 1,0-4 14,0 4-239,0 0 206,0 0 0,0 2 35,0 4 0,0-4-36,0 4 0,0-4 42,0-2 0,0 3-22,0 3-45,0-4 29,0 6 1,0-1 14,0-1 0,0 2 0,0-1 0,0-5-76,0 4 10,0 4 1,0-1-41,0 3 77,0-3 1,0-3-52,0 0 0,0-4 45,0-2 1,0-4 8,0 10 1,0-10-14,0-2 1,0-1 0,0 10-3,0 3 1,0-4 18,0 4 1,0-4 3,0-2 0,0 0 11,0 0-23,0 0-2,0 0 1,0 0 24,0 0 0,0-6-11,0-1 1,0 1 0,0 6 1,0 0-19,0 0 0,0-6-2,0-1 0,0 1 6,0 6 0,0-7 7,0 1 21,0 0-23,0 6-4,0 0 1,0-7 49,0 1-46,0 0 12,0-3 0,0 7 35,0-4-31,0 3 60,0 3-72,0 0 1,0 0-3,0 0 1,0-6 18,0 0-32,0-1 0,0 7 23,0 0 0,0-6-85,0 0 79,0-1-33,0-1 10,0 6 0,0-7 17,0 9-12,0 0 1,0 0-18,0 0 2,0-9 17,0 7 0,0-12-1,0 7 1,0-5-5,0 5 0,0-5-13,0 5 17,0-8-6,0 13 1,0-13-10,0 9 15,0 0 1,0-1-1,0 1 1,0-7 0,0 7 0,0-9 1,0 7 0,0-5 2,0-4-1,0 15-3,0-15 3,0 15-1,0-15 0,0 9-1,0-5 0,0-4 0,0 6 0,0-8-62,0 9 58,0-7 8,0 6-9,0-8 28,0 0 12,0 9-34,0-7 150,0 6-137,0-8 832,0 0-688,0 9 55,0-7-20,0 6-892,0-8-123,0 0 0,0 0 0</inkml:trace>
</inkml:ink>
</file>

<file path=ppt/ink/ink12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7:23.524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1 0 21650,'0'13'576,"0"-1"1,0-5-370,0 5 1,0-5 207,0 5 30,0 1 31,0 6-238,0 0 1,0 0-15,0 0 0,0-7-91,0 1 1,0 0 22,0 6 0,0 0-98,0 0 1,0 0 82,0 0 1,0 0-105,0 0 1,0-1-40,0 1 1,0 0 91,0 0 0,0 0-57,0 0 1,0 2 72,0 5 0,0-5-7,0 4 1,0-4-76,0-2 0,0 0-127,0 0 1,0 0 104,0 0 1,0 0-6,0 0 1,0 0-64,0 0 0,0 0 97,0 0 1,0 0-79,0 0 0,0 0 57,0 0 1,0 0-78,0 0 1,0 0 65,0-1 1,0-5-6,0 0 0,0-1 1,0 7 0,0 0-2,0 0 0,0 0-9,0 0 1,0 0-2,0 0 25,0 0 1,0 0-15,0 0 0,0 0-1,0 0 1,0 0-3,0 0 0,0-6 0,0-1 0,0 1-15,0 6 11,0 0 0,0 0-7,0 0 1,0 0-1,0 0 29,0 0 0,0 0-19,0 0 0,0 0 21,0 0 1,0-7-26,0 1 10,0-1 0,0 7 73,0 0 0,0-6-40,0 0 30,0-9-36,0 13 110,0-7-116,0 9 0,0 0 25,0 0 0,0-6 1,0-1 0,0-5 48,0 5-60,0-7 1,0 5 38,0-3 90,0-5-121,0 6 0,0-6 63,0 4-22,0-3-11,0 5-56,0 0 0,0-3 2,0 7 62,0-7-5,0 11 8,0-14-22,0 7 109,0-1-102,0-6-118,0 7 53,0-9-4473,0 0 4473,0-9 0,0-10 0,0-10 0</inkml:trace>
</inkml:ink>
</file>

<file path=ppt/ink/ink12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7:34.235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95 1 20563,'-19'0'789,"8"0"1,1 0-257,4 0 140,3 0-140,-13 0-243,13 0 211,-13 0 32,13 0-34,-5 0-63,8 0 1086,0 0-1337,8 0 1,-3 0-7,7 0 0,-5 0-47,5 0 1,-5 0-196,5 0 211,1 0 1,6 0 137,0 0-361,0 0 0,6 0 182,0 0-135,1 0 1,-7 0 59,0 0 0,0 0 27,0 0 1,-7 0-3,1 0-45,-1 0-75,7 0 149,0 0-45,0 0 1,0 0 2,0 0 1,-6 0-73,0 0 89,-1 0-36,7 0 1,0 0-54,0 0-103,-8 0 61,6 0 77,-7 0 0,3 0-85,-1 0 77,-7 0-73,11 0 0,-11 0 60,7 0 1,-5 0-25,5 0-9,-8 0-361,13 0 255,-6 0 129,8 0 1,-7 0 27,1 0-54,-9 0 0,7 0 100,-5 0-114,-4 0 19,7 0 40,-1 0 79,-6 0 0,9 0-87,-5 0-3,-4 0 10,7 0 0,-7 0-6,4 0 14,-4 0 0,9 0-12,-5 0 164,-4 0 1,9 0-125,-5 0 281,-4 0-286,7 0 57,-1 0-144,-6 0 0,9 0 124,-5 0-190,-4 0 0,9 0 15,-5 0 89,-4 0-338,15 0 0,-7 0-3638,9 0 4000,0 0 0,0 0 0,0 0 0</inkml:trace>
</inkml:ink>
</file>

<file path=ppt/ink/ink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2.353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41 14 20229,'0'-3'234,"0"-1"632,0 2-77,0 1-453,0-2 1,-1 3 333,-1 0-436,1 0 1,-4 1 168,2 1 0,0 2-108,1 2 1,1 1-62,-4 0 1,3 2 70,-2 0 0,2 2 140,0 1 0,-1 0-84,1 2 0,-1 0-172,3 1 1,0 0-198,0 0 0,0-1 97,0 0 0,3-1-349,2 0 1,1-2 211,0-2 0,1-2 35,0 0 0,0-3-101,-1-2 1,1-1-364,0-1 1,-1-3 186,1-2 0,0-2 63,2-1 0,-2-3-71,0-2 0,-1 0 57,-1 2 0,-1-2 237,0 2 1,-2-1-135,0-2 0,-1 3-10,-1 0 0,0 0 60,0 0 0,0 2 546,0 2-25,0 0-325,0 3 1,0 2 196,0 4 1,0 5-79,0 4 0,0 2 148,0 0 0,0 3-70,0 0 1,2-1-128,0-1 1,3 0-53,0 0 0,1-1-292,0-5 1,3-1 50,0 0 0,3-1 151,-1-4 0,1-1-340,-1-3 0,1-1 118,-3-4 1,2-1-82,-2-1 1,0 0 71,-2-2 0,-3-1 84,1 3 0,-4-3-54,2 1 0,-3-1-518,0 1 1,0-2 250,0 2 0,-3-2 167,-1 0 0,-2 2-1824,-1 0 2089,3 2 0,-4-3 0,0 1 0</inkml:trace>
</inkml:ink>
</file>

<file path=ppt/ink/ink13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7:36.449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76 1 20444,'-19'0'0,"8"0"65,3 0 311,0 0 122,5 0-275,-13 0 58,13 0 106,-5 0 59,8 0 2182,0 0-2402,8 0 0,-3 0 9,7 0 1,-5 0 260,5 0-56,-7 0-641,11 0 200,-14 0 0,15 0 152,-4 0 1,-2 0 12,1 0 1,-6 0-91,7 0 1,0 0 3,6 0 1,-7 0 179,1 0-120,0 0-31,6 0 0,0 0 41,0 0 0,0 0 117,0 0-405,-9 0 100,15 0 0,-12 0 164,12 0 1,-10 0-17,-2 0 1,-1 0 41,7 0-257,0 0 67,0 0 0,7 0-51,-1 0 150,0 0-72,-6 0 1,0 0-26,0 0 91,0 0-38,0 0 0,0 0-4,0 0 1,-7 0 20,1 0 0,0 0-9,6 0 0,0 0-178,0 0 7,0 0 150,0 0 1,0 0-68,0 0 1,0 0-8,-1 0 0,1 0-45,0 0 94,0 0 11,-8 0 1,6 0-9,-5 0 0,5 0-48,2 0 22,0 0 1,0 0 81,0 0 1,-6 0 18,-1 0 1,1 0-4,6 0-55,-8 0-16,5 0 1,-5 0 1,8 0 0,0 0 14,0 0 1,-6 0 0,-1 0 0,1 0-36,6 0 1,0 0-10,0 0 1,-5 0-141,5 0 26,-12 0 133,18 0 0,-14 0 63,8 0-75,0 0 4,-1 0 151,1 0-137,0 0 0,0 0-29,0 0 242,9 0-202,-7 0 1,6 0 5,-8 0 0,0 0 10,0 0 1,2 0 46,4 0 1,-3 0-38,3 0 1,-4 0-15,-2 0 13,0 0-3,-9 0 159,7 0-158,-6 0 0,8 0 18,0 0 94,0 0-107,0 0 1,0 0 34,0 0-23,0 0 1,0 0-37,-1 0-36,1 0 0,0 0 94,0 0-174,0 0 141,-8 0-25,6 0 0,-7 0-14,9 0 22,-8 0 6,6 0 143,-7 0-148,9 0 0,0 0 0,0 0 5,0 0 76,8 0-28,-5 0-41,5 0 0,-8 0 11,0 0 0,0 0-16,0 0 0,0 0 32,0 0-22,0 0 0,-7 0 229,1 0-221,0 0 1,6 0 13,0 0-18,-9 0 1,7 0 25,-4 0-6,-5 0-11,9 0 1,-7 0 92,9 0-93,-8 0 1,6 0 56,-5 0 0,5 0 79,2 0-122,-8 0 172,6 0-138,-7 0 12,9 0 46,0 0-104,0 0-46,0 0 0,-6 0 136,-1 0-352,-7 0 265,11 0 1,-11 0-111,7 0 142,1 0-69,6 0 28,0 0-27,0 0 3,0 0 0,-7 0 2,1 0 81,-9 0-73,13 0 0,-13 0-34,9 0 39,-9 0-6,13 0 0,-13 0-83,9 0 91,-9 0-89,13 0 0,-13 0 72,9 0-29,-9 0-7,13 0 27,-15 0-26,15 0 82,-15 0-47,15 0 4,-15 0 0,15 0 0,-15 0-8,6 0 0,-6 0 0,5 0 0,-5 0 0,6 0 0,-8 0 0,9 0 0,-7 0 33,6 0 1,-8 0-7524,0 0 6680,9 0 810,1 0 0,9 0 0,0 0 0</inkml:trace>
</inkml:ink>
</file>

<file path=ppt/ink/ink13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7:42.301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77 1 19215,'-19'0'-995,"8"0"1113,3 0 29,8 0-73,-9 0-8,7 0 186,-6 0 1,6 0 457,-5 0-70,5 0-276,-6 0 14,8 0 1363,0 0-1775,8 0-56,-6 0 57,15 0 0,-13 0 241,9 0 3,-9 0-108,13 0 1,-13 0-1,9 0 1,-7 0 2,7 0 0,-7 0 84,7 0-86,0 0 1,6 0 22,-1 0 1,-5 0-173,0 0 1,-1 0 136,7 0 1,-6 0-87,0 0 0,-1 0 67,7 0 1,-6 0-12,0 0 1,-1 0-6,7 0 0,-6 0-19,-1 0 0,1 0 49,6 0 0,0 0-34,0 0 1,0 0-75,0 0 1,0 0 76,0 0 0,2 0-110,4 0 1,-4 0 92,5 0 0,-5 0-11,-2 0 0,2 0-24,4 0 1,-4 0-15,4 0 1,-4 0 1,-2 0 0,0 0 4,0 0 0,2 0 2,5 0 1,-5 0 11,4 0 1,-4 0 3,-2 0 0,6 0-4,1 0 0,-1 0-1,-6 0 1,0 0 37,0 0 0,0 0 5,0 0 0,0 0 65,0 0 0,0 0-48,0 0 1,0 0-69,0 0 0,0 0 81,0 0-123,0 0 0,-1 0 34,1 0 0,0 0-9,0 0 0,0 0 34,0 0 0,0 0-15,0 0 0,0 0-22,0 0 0,0 0 23,0 0 0,0 0 48,0 0 0,0 0-46,0 0 0,0 0 3,0 0 0,0 0-14,0 0 0,0 0-5,0 0 22,8 0 1,-6 0 0,5 0 0,-5 0-18,-2 0 1,0 0 10,0 0 1,-1 0 71,1 0 1,0 0-61,0 0 17,0 0 0,0 0-28,0 0 1,-6 0 2,0 0 0,-7 0 14,7 0 1,-7 0 0,7 0 0,-7 0-56,6 0 1,1 0 21,6 0 1,-6 0-15,-1 0 1,1 0 24,6 0 1,0 0-21,0 0 27,8 0 1,1 0-1,3 0 1,-3 0-9,-9 0 0,-7 0 0,1 0 1,0 0 125,6 0-99,0 0 1,0 0-6,-1 0 0,-5 0 10,0 0-58,-9 0 24,13 0 0,-13 0-3,9 0 1,-7 0 13,7 0 0,-7 0-8,7 0 1,-7 0-24,7 0 1,-7 0 16,7 0-1,-1 0 1,7 0 3,0 0 1,-6 0-1,-1 0 97,1 0-44,6 0 1,0 0-45,0 0 0,-6 0 14,-1 0-6,1 0 1,6 0 6,0 0 0,-7 0-112,1 0 0,-7 0 109,7 0-88,0 0 0,6 0 55,0 0 3,0 0 0,0 0-10,0 0 0,0 0 0,0 0 1,-1 0 53,1 0 19,0 0 2,9 0 0,-7 0-45,4 0-8,-4 0 0,-2 0-1,0 0 0,0 0-4,0 0 0,-6 0 13,-1 0-9,1 0 1,6 0 8,0 0 1,0 0 12,0 0 1,-6 0 101,-1 0-116,9 0 0,7 0-10,3 0 0,-8 0 3,-4 0 0,-4 0-2,10 0 17,-3 0 1,-3 0-1,-1 0 1,1 0-143,0 0 0,0 0 80,0 0 0,-6 0-1,0 0 1,-1 0 22,7 0 0,2 0 40,5 0 0,-5 0-9,4 0 0,2 0 5,-1 0 0,-1 0-46,-6 0 17,8 0 17,3 0 1,-1 0-73,-3 0 70,-5 0 1,-2 0 0,-7 0-288,1 0 265,-9 0 0,13 0-48,-15 0-4,15 0 89,-6 0 96,7 0 1,1 0-110,0 0 10,0 0 1,0 0 12,0 0 0,0 0 2,0 0-2,0 0-9,0 0 1,0 0-35,-8 0 7,6 0 0,-15 0 17,6 0 150,-8 0 742,0 0-776,-8 0 117,6 0-111,-7 0-556,9 0 212,0 0 328,-8 0-955,6 0 1,-9 0 843,5 0 0,-5 0 0,-8 0 0</inkml:trace>
</inkml:ink>
</file>

<file path=ppt/ink/ink13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7:44.446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2029 1 20172,'11'0'-339,"-3"0"506,-8 0 112,9 0-32,-7 0 27,6 0 12,-8 0 971,0 0-1087,-8 0 1,4 0-9,-9 0 0,7 0 136,-7 0-188,0 0 1,-5 0-95,-1 0 1,0 0 114,0 0 0,0 0-9,0 0 1,-7 0-42,1 0 0,0 0-26,6 0 0,-2 0-113,-4 0 1,1 0 156,-7 0 1,8 0-20,-3 0 1,-1 0-74,2 0 0,-7 0-67,7 0 1,-7 0 110,7 0 0,-7 0-12,7 0 1,-7 0 10,7 0 0,-7 0-4,7 0 1,-2 0-82,1 0 0,3 0 81,-8 0 1,7 0-3,-1 0 0,2 0-56,-2 0 0,4 0-86,-5 0 0,-1 0 69,2 0 0,-3 0-104,3 0 0,-2 0 97,-5 0 1,-2 0-15,9 0 1,-7 0 6,7 0 1,-7 0 7,7 0 0,-7 0-6,7 0 1,-6 0 10,5 0 1,-5 0 80,5 0 0,1 0-48,6 0 1,0 0 8,0 0 1,7 0-3,-1 0 2,0 0-14,-6 0 13,0 0 0,7 0 159,-1 0-110,9 0 0,-7 0 46,5 0-102,4 0-7,-15 0 0,13 0 29,-9 0 1,7 0 15,-7 0-138,9 0 103,-13 0-12,7 0 0,-9 0-6,0 0 0,6 0 7,0 0 0,7 0 20,-7 0 1,7 0 18,-7 0 12,9 0 4,-13 0 82,15 0-101,-15 0 7,15 0 148,-6 0-52,8 0-140,0 0-40,-9 0-28,7 0 21,-6 0 51,-1 0-33,7 0-11,-15 0 59,15 0 3,-6 0 9,8 0 131,0 0 88,-8 0-239,5 0-3,-5 0-35,8 0-128,0 0 176,-8 0 4,5 0 20,-5 0-11,8 0 1122,0 0-1316,-8 0-256,5 0 109,-5 0-340,8 0-2859,0 0 3239,8 0-236,-5 0 45,5 0 629,-8 0 1,2 0-110,4 0-330,-3 0-82,13 0-632,-13 0 482,5 0 505,-8 0 0,0 0 0,0 0 0</inkml:trace>
</inkml:ink>
</file>

<file path=ppt/ink/ink13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7:57.318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0 39 20032,'0'-11'-27,"0"3"303,0 8 794,0 0-731,0-9-173,0 7 108,0-6-44,0 8 1204,0 0-1357,0 8 1,0-4-131,0 9 68,0-9 43,0 13 1,0-13 3,0 9-4,0-9 0,0 13 9,0-4 0,0-3-1,0 3 1,0-1 44,0 7-74,0 0 12,0 0 1,0 0-7,0 0 6,0 0 0,0 0 64,0 0-49,0 0-9,0 9-34,0-7 1,0 8 14,0-4 0,0-3 58,0 3-45,0 4-9,0-8 0,0 9 40,0-5-70,0-4 41,0 7-3,0-9-62,0 8 60,0-6 1,0 15 5,0-15-143,0 6 128,0 1 3,0 1-108,0 1 103,0-3 2,0 1-4,0-7-12,0 6 0,0-8 1,0 0 0,0 0-105,0 0 101,0 0-11,0 0 1,0 6 89,0 0 0,0-6-67,0-6 75,0 0-85,0 6 0,0 0-46,0 0 1,0 0 57,0-1 0,0 1-155,0 0 1,0 0 142,0 0 0,0 0-31,0 0 0,0 0 11,0 0 1,0 2-28,0 5 0,0-5-3,0 4 68,0-4 1,0 4 9,0 1 1,0-1-33,0-6-14,0 0 0,0 0-79,0 0 82,0-9 0,0 7-2,0-4 1,0-3-1,0 3-7,0 0 1,0 6-16,0 0 107,0 0-92,0-1 1,0 1 45,0 0-39,0 0 1,0 0-6,0 0 9,0 0 1,0 0-4,0 0 0,0-6 12,0 0-21,0-1 1,0 7-1,0 0 1,0 0 138,0 0-130,0 0 0,0 0 77,0 0-73,0 0 1,0-6 5,0-1 0,0 1 22,0 6 6,0 0 0,0 0 7,0 0 0,0 0 43,0 0-80,0 0 12,0 0 0,0 0-63,0-1 58,0 1 0,0 7-44,0-1 0,0 9 47,0-3 1,0 5-140,0 2 125,0-8 1,0 5-3,0-3 0,0-2-7,0 1 0,0-6-244,0 7 225,0-9 5,0 13 0,0-15 33,0 4-33,0 5 17,0-1 1,0 3 9,0 0-25,0-1 0,0 1 58,0 0-52,0-1 1,0 5 4,0-4 26,0 3-24,0-5 1,0 6 9,0-5 0,0 5 0,0-4 0,0 1 99,0-1-104,0 4-5,0-15 1,0 15 0,0-5 7,0-3 0,0 1 45,0-3 1,0-5-41,0 4 1,0 2 77,0-1 1,0-1-62,0-6-12,0 0 0,0 6 6,0 0 1,0 3 39,0-3-42,0-4 1,0 9-55,0-5 1,0-2 63,0 9 0,0-7-290,0 7 268,0-9 1,0 11-8,0-9 1,0 6-6,0-5 0,0 5 12,0-5 1,0 7 4,0-1 0,0-2-13,0 1-6,0 1 5,0-3 1,0 7 2,0-4 1,0 1 3,0-1-10,0 4 7,0-7 0,0 9 3,0 0 0,0-2-8,0-4 0,0 3-4,0-3 1,0-5 1,0-1 0,0 1-2,0-2 5,0 9 32,0-13 1,0 7 3,0-9 0,0 6-28,0 0 192,0 9-189,0-13 0,0 13 19,0-9 50,0 9-60,0-5 0,0 7-17,0-4 1,0 1-3,0-7 1,0 7-20,0-1 37,0 4 1,0 0-59,0-5 0,0 5 69,0-4-46,0 4 0,0-1 3,0-3 0,0 4 5,0-5 34,0 5-28,0 2 1,0 0-1,0 0 1,0 0 1,0 0 0,0 6 2,0 0 1,0 1 2,0-7-62,0-9 57,0 7-1,0-7 0,0 7 0,0-2-3,0-2 0,0-3 1,0 3 0,0 3 0,0-3 1,0 4 33,0 2 0,0 0 4,0 0 0,0-2 73,0-5-98,0 5 12,0-7 0,0 3 10,0 0 0,0-7-18,0 7 1,0-7-1,0 7 0,0-7 3,0 6 0,0-1-4,0 2 1,0 1-18,0-7 0,0 7-6,0-1 1,0-3-125,0 3 138,0-9-41,0 5 0,0-1-7,0 5 0,0-5 24,0-2 1,0-2-8,0 3 0,0-5-1,0 4 1,0-2-5,0 3 1,0-5 29,0 4 0,0-4 3,0-2-12,0 0-5,0 0 5,0 0 1,0 0 2,0 0 1,0-7-2,0 1-135,0 0 131,0-3 0,0 7 10,0-4 0,0 4 0,0 2 3,0 0 1,0 2 1,0 4 0,0-4 40,0 4-49,0-4 0,0 0 1,0 3-10,0 1 13,0 0 1,0-4 0,0 2 1,0 3 1,0 1-21,0-2 1,0-1-7,0 7 0,0-6 14,0 7 88,0-9-82,0 13 1,0-15 149,0 4-144,0 5 0,0-7 109,0 9-102,0-9 0,0 11 22,0-9 1,0 7 7,0-7 0,0 6-11,0-5 1,0 5 1,0-5 1,0 5 13,0-5-94,0 7 70,0-12 1,0 13-15,0-9 15,0 9 1,0-13-45,0 15 38,0-7 0,0 3-7,0 0 1,0-3-5,0 3 1,0 4-7,0-5 1,0-1-2,0 1 1,0-1-22,0 1 30,0 5-1,0-15 1,0 13-4,0-9 1,0 7-76,0-7 1,0 1-85,0-7 145,0 8 1,0-6-21,0 4 17,0-4 0,0 5 25,0-1 1,0 2 4,0-1 1,0-5-43,0 4 99,0-4-79,0-2 1,0-6 46,0-1-36,0 1 0,0 0 9,0-1-11,0 1 0,0 0 0,0-1 0,0-8 1,0 7-2,0-5 1,0-2-1,0 9 1,0-9 0,0 13 16,0-6-16,0 8 0,0-7 0,0 1 2,0-9-2,0 5-187,0-9-2199,0 0 0,0-11 2386,0-8 0,0-8 0,0-11 0</inkml:trace>
</inkml:ink>
</file>

<file path=ppt/ink/ink13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8:08.909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9 17 20483,'-4'-4'-148,"0"3"543,4-5 50,0 4-49,0-1-496,0 3 129,4 0 0,-3 0 103,5 0 1,-3 0-9,2 0 0,-2 0 28,2 0 0,0 0-71,4 0 0,-1 0 40,0 0 0,0 0 22,0 0 0,0 0-4,0 0 1,1 0-172,-1 0 0,0 0 53,0 0 10,0 0 0,0 0-31,0 0 1,1 0-35,-1 0 1,0 0 78,0 0 0,-3 0 33,1 0-25,-4 0-225,5 0 44,-3 0-270,1 0 345,2 0 0,-5 0 30,3 0 1,-2 0-2214,3 0 2236,-5 0 0,7 3 0,-4 2 0</inkml:trace>
</inkml:ink>
</file>

<file path=ppt/ink/ink13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8:15.720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0 10 21282,'0'-5'1758,"0"1"-1363,0 4 1,3 0 0,2 0 0,2 2 548,2 1-769,0-1 0,-1 0 2,0-2 0,0 0-178,2 0 0,-2 0 178,-1 0-155,1 0 249,4 0-192,0 0-712,0 0 81,0 0-7,-5 0 186,0 0-124,-2 0-831,-1 0 512,1 0 160,0 0 656,0 0 0,-1-2 0,1-1 0</inkml:trace>
</inkml:ink>
</file>

<file path=ppt/ink/ink13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8:43.767"/>
    </inkml:context>
    <inkml:brush xml:id="br0">
      <inkml:brushProperty name="width" value="0.1" units="cm"/>
      <inkml:brushProperty name="height" value="0.1" units="cm"/>
      <inkml:brushProperty name="color" value="#00A0D7"/>
    </inkml:brush>
  </inkml:definitions>
  <inkml:trace contextRef="#ctx0" brushRef="#br0">646 178 24596,'-3'-5'907,"-1"1"-417,-1 4-198,-2-2-42,-5 1 134,0-3-232,-4 1 0,1 0 24,1 0 0,1 0-78,2 0 106,1-1-273,-5 1 0,-1-1 103,-1-1 0,2 2 87,5 0 1,1 1-31,-1-1 0,1 1-20,-1-1 1,1 1-213,-1-1 1,1 2 116,-1-2 1,1 1 255,-1-1-136,1 2 4,-3-3 18,-2 1-53,-1 0 0,-1-1 67,4 1-10,2 1 271,-1-2-170,3 1 34,-3 0-178,3-1-1,-1 4 0,4-5 98,-2 5 44,3-2-63,-1 2 284,0-2-298,-2-1-120,0 0 86,-3-1-7,1 2-122,1-1 181,0-1-177,2 3 127,-3-3-277,2 1 220,-3 1-276,1-3-9,-1 3-197,1-1 8,-3-1 218,2 3-61,-3-3 47,1 4 55,-1-5-59,2 5-463,3-2-219,4 0-634,2 1 1,12 1 0,3 3-1</inkml:trace>
</inkml:ink>
</file>

<file path=ppt/ink/ink13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8:44.934"/>
    </inkml:context>
    <inkml:brush xml:id="br0">
      <inkml:brushProperty name="width" value="0.1" units="cm"/>
      <inkml:brushProperty name="height" value="0.1" units="cm"/>
      <inkml:brushProperty name="color" value="#00A0D7"/>
    </inkml:brush>
  </inkml:definitions>
  <inkml:trace contextRef="#ctx0" brushRef="#br0">603 15 19897,'5'-3'472,"1"1"-149,-5 2 539,3-2-530,-1 2-1,-1-3 3893,0 1-3535,-8 2 41,2-2-116,-7 2 77,0 0-148,-2 2-137,-5 0 0,1 3 56,0-2-1,3 1-197,-2-1 116,-1 1-318,-3 1 60,-3 0 0,5-2-166,0 0 86,4-2 50,3 4-30,-2-3 107,-1 3-299,0 0 270,2-3-261,0 2 248,1-3-284,1 3 218,-2-1-164,3 2 118,-1-3-12,1 2 215,-3-3-218,2 3 0,-2-3 0,3 2 0,2-2 0,0 2 0,0-3 0,0 0 0,-3 0 0,3 0-55,-2 2 43,1-2 9,-1 4-17,-1-3 21,3 1-17,-2 0 39,2-1 57,-1 3-78,-1-4-2,4 5 0,-4-5 0,4 2 0,-4-2-166,4 0 83,-4 2-177,3-1-8,0 1-373,-1-2-167,1 0 263,0 0 250,1 2-106,2-1-4422,-1 1 4202,3 0 1,-1 0 0,2 3-1</inkml:trace>
</inkml:ink>
</file>

<file path=ppt/ink/ink13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9:04.157"/>
    </inkml:context>
    <inkml:brush xml:id="br0">
      <inkml:brushProperty name="width" value="0.17143" units="cm"/>
      <inkml:brushProperty name="height" value="0.17143" units="cm"/>
      <inkml:brushProperty name="color" value="#00A0D7"/>
    </inkml:brush>
  </inkml:definitions>
  <inkml:trace contextRef="#ctx0" brushRef="#br0">579 162 7862,'-9'-3'754,"-1"-1"-561,5 4 123,-3-2-85,5 0 30,-6 1-166,3-1 191,-3 0-51,2 1-91,-2-1-344,-1 0 374,-1 2-18,-2-5 27,1 3-31,-1-3 30,0 0-89,-1 0 0,1 2 91,0 0-60,1 2-99,1-3 155,-3 1-93,-1-2 0,-3 1 27,4-1 0,1 2-11,3 0 1,3 1-134,-1-1 1,-2 1 193,-1-1-28,0 0-119,-3-2-143,0 1 0,-3 0 233,3 1-21,4 2-13,-1-3 0,2 3-8,-4-2 1,3 1 246,2-1-195,2 2 6,-5-3 42,3 1-102,-3 0 129,1-1-13,1 4-41,1-5-37,-1 5 365,4-4-166,-4 1-100,4-2-126,-4 1-1391,4 1-133,-2 1-903,4 2 1517,1 0 0,3 4 836,2 0 0,0 2 0,4-1 0</inkml:trace>
</inkml:ink>
</file>

<file path=ppt/ink/ink13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9:05.024"/>
    </inkml:context>
    <inkml:brush xml:id="br0">
      <inkml:brushProperty name="width" value="0.17143" units="cm"/>
      <inkml:brushProperty name="height" value="0.17143" units="cm"/>
      <inkml:brushProperty name="color" value="#00A0D7"/>
    </inkml:brush>
  </inkml:definitions>
  <inkml:trace contextRef="#ctx0" brushRef="#br0">603 6 8987,'-3'-3'1546,"3"1"-1173,-15 2-10,5 0-18,-7 0-162,0 2 1,-1-1 105,3 2-230,-1-2 180,2 1-172,-5 0 107,-1-1-206,-1 3 244,2-3-52,-2 3-174,2-4 1,0 5 72,5-2 1,2-1-19,2 2 90,3-3-295,-4 3 354,-1-4 191,-3 5-268,-3-5-16,3 2 174,-2 0-108,3-1-175,0 3 166,2-1-242,-2 1 79,4 1 0,-3-2-38,2 0 101,2-1-46,-2 2-121,-1-4-226,-3 2 110,1-2 170,0 0-271,6 0 5,-1 0-387,5 0 405,-1 0 82,0 0 15,2 2 210,-1-1 0,2 3 0,-3-1 0</inkml:trace>
</inkml:ink>
</file>

<file path=ppt/ink/ink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2.876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88 27 20132,'-7'4'329,"1"-2"1,-1-1-330,0-1 0,0 2 496,1 0 1,-1 4 875,0-2 1,3 2-817,-1 1 0,1 0-196,-3 2 0,3-2-136,-1 2 0,4 1 0,-1-1 1,1 2-298,1-2 1,1 2 126,1-2 0,2 0 170,2-2 1,3-3-323,0 1 0,3-4-775,-1 1 0,0-1 458,0-1 0,-1-3 80,1-1 1,-1-2 213,-3-1 0,-1-2-43,1 0 0,-3 0 279,-2 0 0,1 1-77,-1-1 1,1 0-84,-3 0 1,-3-1 91,1 1 1,-3 1-174,0-3 0,-1 3-176,0-1 0,-1-1-277,0 1 0,1 1 4,-1 3 190,0 2 385,1 3 0,2 0 0,1 0 0</inkml:trace>
</inkml:ink>
</file>

<file path=ppt/ink/ink14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9:26.307"/>
    </inkml:context>
    <inkml:brush xml:id="br0">
      <inkml:brushProperty name="width" value="0.17143" units="cm"/>
      <inkml:brushProperty name="height" value="0.17143" units="cm"/>
      <inkml:brushProperty name="color" value="#E71224"/>
    </inkml:brush>
  </inkml:definitions>
  <inkml:trace contextRef="#ctx0" brushRef="#br0">674 11 8684,'3'-6'1806,"-1"2"-1284,-6 4 30,1 0-85,-7 2 23,0-1-247,-4 3 0,-4-2-26,0 1 1,1 0 101,2-1 0,0 0-72,-2 1 1,2 1-60,-4-2 0,3 2 2,-2-1 1,0 1-129,0-1 0,-1 2 152,0-2 1,2 1 6,-1 1 0,2 0-288,-1 0 0,0 0 62,1 0 0,-1-2 7,2 1 1,0-2 52,1 2 1,-1-2-94,2 0 217,-1-1-94,-3 3 1,-2-3 56,-1 2 7,4-1-111,1 2 121,0-1-295,-5 2 159,3-3-233,0 3 177,4-5-271,3 5-15,3-5-459,4 3-2469,1-3 2012,8 2 1235,-2 1 0,8 4 0,-4 0 0</inkml:trace>
</inkml:ink>
</file>

<file path=ppt/ink/ink14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09:27.386"/>
    </inkml:context>
    <inkml:brush xml:id="br0">
      <inkml:brushProperty name="width" value="0.17143" units="cm"/>
      <inkml:brushProperty name="height" value="0.17143" units="cm"/>
      <inkml:brushProperty name="color" value="#E71224"/>
    </inkml:brush>
  </inkml:definitions>
  <inkml:trace contextRef="#ctx0" brushRef="#br0">1 3 10575,'8'-3'1179,"1"3"-1041,3 3 0,3 1 36,3 0 1,-2 0-52,-1-1 0,0 2-5,5 0 1,-1 0 170,4 0 1,-2 0-123,2 0 0,2 1 26,-1 1 0,2 1-45,-3-1 1,2 0-103,-1-1 0,-1 2 3,-2 0 0,0-1-163,-1 0 0,-3-1-54,0 0 1,0 0 102,-1-1 1,-1 0-23,-2 0 1,0 0 45,0-1 0,-1 0 39,-2-1 51,0 0 10,4 2 66,0-2 44,3 1-311,-5-3 196,-2 1-663,-3-2 209,-4 0-2682,2 0 2475,-5 2 607,2 1 0,-4 2 0,-1 0 0</inkml:trace>
</inkml:ink>
</file>

<file path=ppt/ink/ink14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09.805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6 11 7630,'0'-3'-1625,"0"0"1625,0 3 0,-2 0 0,1 0 0,-1-2 0,2-1 0</inkml:trace>
</inkml:ink>
</file>

<file path=ppt/ink/ink14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0.397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22 23 7359,'3'-3'-1219,"0"3"1213,-3-3 365,0 1-249,0 1 1,0-2-7,0 1 230,0 2 175,0-3-102,-3 3 52,3 0-302,-3-2 0,3 1 173,-2-1-83,1 2 95,-1 0 141,2 0-442,-3 0 135,3 0-5,-3 0 124,3 2-143,0-1 1,-1 4 110,-1-2 140,0 2-269,2 1 1,0-1 66,0 0 1,0 2-24,0 0 0,0-1 340,0 1-236,0 2-102,-2-1 0,1 3 26,-1 0 1,2 0-36,0 0 0,0 0 107,0 0-64,0 2-1,0-1-218,0 1 154,2-2 1,-1 0 66,0 0 1,0 0-36,-1 0 1,0 0-119,0 0-107,2-1 184,-1 1 0,1 0-35,-2 0 35,3 0-72,-3 0 1,3 2 93,-3 0-36,0-1 10,0-1-129,2 0 85,-1 0 0,1 0 41,-2 0 1,1 0-21,1 0 0,-2-2 55,2 0-332,-1-2 113,-1 3 0,2-3 181,-1 2-217,1-2 9,-2 3 1,2-4-10,0 1 0,0 1 146,-2-1-683,2 1 423,-1-3 0,1 1-717,-2-1-642,3 1 907,-3-3 317,3-1 0,-1-3-341,-1 0-1495,1-2 2172,-2-3 0,3-2 0,0 0 0</inkml:trace>
</inkml:ink>
</file>

<file path=ppt/ink/ink14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1.639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1 170 7371,'0'-6'-1228,"-2"3"1968,1-2 169,-1 5-232,-1-5-152,3 2-235,-3 0 0,3 0-76,0 1 114,0 1-86,0-4-24,0 2 0,1-2 0,1 0 1,1-1 26,2 1 1,1-1-216,1 1 0,0-1 93,0 1 1,1-1-7,1 1 0,0-2 25,0-1 0,0 1 13,2 1 0,0 1-36,0 0 0,0 1 34,0 0 0,0 1-174,0-3 0,2 1 120,2 2 0,-1-2 28,0 4 0,-1-1-13,1 2 0,-1-2-323,2 0 0,-3 0 62,1 2 0,0 1-23,0 1 0,0-1 20,-3 3 0,1-3 134,0 1 1,-2 1 9,1 0 1,-4 0-25,1 1 0,-1 0-5,-2 1 1,0 1 58,-2 1 1,1 0 197,-1 0 0,0 1-31,-2-1 1,0 3 42,0-1 0,-1-1-55,0 1 0,-2 1-57,-1 0 0,0 1 2,0-2 0,-1 1-5,0-1 1,-1 2 1,1 0 1,-3-1 4,1 1 0,-1-1-137,1-1 1,-1 0 11,-1 2 1,-1 0-54,1 0 0,0-1-12,0 1 1,0-2 66,0 1 1,0-3-116,1 2 1,-1-2 81,2 0 0,-1-1 25,1 0 0,1-1-16,-2 0 1,0 1-73,1-1 1,0 1 57,1-1 0,2 1-27,0-1-100,-1 1 107,4-1-149,-1 1 132,2-3 232,0-1-195,2-2 0,2 0-7,1 0 0,1 0 83,1 0 1,-1 0 143,2 0 0,-2 2 63,-1 0 0,1 1-146,2-1 1,-2 2 133,1 0 1,-1 1-36,-1 0 1,3 1 38,-1-1 1,2 1-75,-2 2 1,3-2 29,-1 1 0,2-1-47,0 0 0,-1-1 14,1 1 0,0-1-127,0 0 1,0 1-85,0-1 0,2 1 161,2-1 0,-1 1-8,1-1 1,-3 1-340,3-1 0,-3-1 100,1-1 0,0-1-17,0-1 1,0 2 0,-2-1 1,-1 0-20,-1-2 1,1 0-258,-3 0 0,0-2 152,-1 0 1,-1-1-863,-2 2 1,0-2 468,-1 0 1,-1-2-1967,1 1 2633,-2-1 0,0-3 0,0 0 0</inkml:trace>
</inkml:ink>
</file>

<file path=ppt/ink/ink14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3.044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28 98 7361,'3'3'-611,"-1"-2"1437,-2 1-446,0 0 1,1-1-151,1 1 1,-1 0 374,3 0-338,-3 0 1,4-2-5,-2 2 1,2-1-76,1 1 0,-1-2-96,1 0 1,-1 0 109,1-2 1,-1 1-111,1-3 0,-1 2 100,1-1 1,-1 0-72,0-1 0,-1-1 0,0 1 1,-1-1-7,0-2 0,2 1 22,-4-2 1,1 2 11,-2 1 1,0-1 44,0 1 1,0-2-26,0-1 0,-2 3 118,-2 1 0,-1 1-82,0-3 0,-2 3-21,-1 1 1,-1 0-90,2 0 1,-2 1-103,2 3 1,-3-1 406,3 2 0,-2 2-75,2 2 1,-1-1-299,3 1 0,-2 2 106,2 0 1,-2 1-103,4 1 1,0 1 65,1 0 1,2 1 44,0 1 1,0-2-112,0 1 1,0-1-149,2-1 0,2-1 189,3-1 1,0 1-14,2-3 0,-2 0-223,2-1 0,0-3 83,2-1 1,0 0-341,0 0 0,1 0 170,0-2 1,0-2 115,1 0 1,-4-2-632,1 0 0,-2 0-803,1 0 0,0-1 297,-2 2 1,-3-2 659,2-1 1,-3 1 611,1-1 0,1-1 0,-2-2 0</inkml:trace>
</inkml:ink>
</file>

<file path=ppt/ink/ink14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3.455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0 11 7903,'3'5'-475,"-1"1"1,-1 0 2085,-1 1-970,0 2 0,-1 0 498,-1 0 0,1 2-562,0 2 0,0-1-34,1-1 0,0 0-128,0 0 1,0 0-323,0 0 1,0-3 123,0 0 0,1-2-245,0-1 1,0-1-223,1 0-122,-1-3-439,-1 1 588,0-7 0,0 1-142,0-5 0,0 2 127,0-2 0,0 0 47,2-2 1,0 0-26,2 2 0,1-2 10,-1 0 1,0 0 64,2-1 0,0 0 15,1 1 0,0 0 235,2 0 0,-2 3-75,0 1 0,-1 2 440,-1 2 1,1 1-237,-1 1 1,-1 1-168,0 1 1,-1 4 249,0 3 1,2 1 611,-4 0 0,1 2-410,-2 0 0,1 0-117,1-1 0,-2 1-764,2 0 0,-1 0 255,1 0 0,-1-2-1019,3 0 0,-2-2 176,2 0 738,-1-1 0,3-2-492,-1 0 1,-1-3-2138,-1 1 2837,1-2 0,1-2 0,1-1 0</inkml:trace>
</inkml:ink>
</file>

<file path=ppt/ink/ink14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4.073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48 268 7877,'3'-2'-825,"-1"-1"1,-2-1 3055,0 0-886,0 1-352,-2-3 0,-1 2-444,-3 0 1,0 1-229,-1 3 0,-1 1 65,-1 1 1,-3 1 521,1 2 0,-1 1-401,1 2 1,0-2-69,2 4 1,-1-1 5,3 2 1,-2 1-173,2 1 0,1 0-161,3 0 0,1 1 77,1 0 1,0 0 24,1-1 0,1-2-195,0 2 1,1-2-1156,1-2 0,3-1 674,1-3 0,3-1 247,1-3 1,1 0-331,2-1 0,-1-3-62,2-3 1,-2-1 92,1-4 0,-2 0 152,1 0 1,-1-3 146,-2 0 1,1-2 24,-2 0 0,1-1 178,-1-2 1,-1 2-35,-1-1 0,-1 1 107,-2-2 0,0 2-21,-2-1 0,-1 1-104,-1-2 0,0 2 159,0-1 1,0-1-32,0 1 1,0 0-74,0 4 1,0-1 114,-2 2 0,1 1 441,0 3 1,-2 1-158,-1 2 0,1 2 584,-1 0-621,1 1 0,-3 4-55,1 1 0,-1 3 128,1 4 1,-3 2-137,1 2 1,0 2-77,1 3 0,2 3 97,0 3 0,0 1 129,2-1 1,0 4-372,2-1 0,0 1-169,0-2 0,2-3 218,2-3 1,3-1 95,0-2 0,3-3-1293,-1-2 1,-1-1 491,2-2 1,-1 0 290,2-2 0,-1-1-297,1-1 1,-1 1-1198,-1-3 1,-2 0 707,2-2 0,-2 0-812,0-1 1894,-1 0 0,2-5 0,0-1 0</inkml:trace>
</inkml:ink>
</file>

<file path=ppt/ink/ink14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4.736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55 44 7829,'-6'0'731,"1"3"184,-1 0 0,1 1 745,2-1-1118,0 1 0,3 0 395,0-1-625,0 1 1,1 1-91,1-2 1,1 0-1,2-1 1,1-1-129,-1 1 1,1-2 33,2 0 1,-2-2-399,3-2 1,-2 0 107,0-1 1,-1 1-156,0-4 1,-3 2 128,1 1 1,-3-2 57,1-1 0,1 1 308,-2 2 0,1 1-91,-2 0 0,-2 1-115,-2 0 1,-1 0 91,0 1 1,-1 1 475,-2-1 0,2 2-89,-3 0 0,1 0 97,-1 2 1,3-1 59,-2 3 0,2 2-220,1 1 0,-1 1-18,1-1 0,-1 1-110,1 3 0,1 0-51,1 0 1,1 0-90,1 0 1,0 0-482,1 0 1,2-1 13,2-1 0,1 1-344,0-5 1,3 1-474,1-4 1,2 0 534,0-2 0,2 0-674,2 0 1,-1-3 612,0 0 1,-1-2 323,1-1 1,-3 1 142,0-1 1,-2 1-516,0-1 0,-2 1 367,-3 0 1,1 0 282,-2 1 0,0 1 861,-1 1-679,-2 2 1,0-2 796,0 4 1,0 2-518,0 4 1,0 1-173,0 1 0,0-2 435,0 1 1,0-2 466,0 0 1,0-1-257,0 0-626,0-1 1,1-2 9,1-1 1,-2-3-24,2-2 1,-1-2-363,-1-4 0,1-2 188,1-1 0,3-3 137,-2 2 0,2-1-68,1 1 0,-1-2-87,0 3 1,1-1 212,-1 2 0,1 3 471,-1 0 0,1 1-284,-1 1 1,1 0-110,-1 5 1,1-1-496,2 2 1,-2 0 203,1 2 0,1 1 151,-1 3 1,2-1-639,-2 1 0,3 1-3298,-1 0 0,1 0 3768,-1-1 0,1 2 0,-1 0 0</inkml:trace>
</inkml:ink>
</file>

<file path=ppt/ink/ink14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6.089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252 82 6770,'2'-3'-648,"-1"-1"1098,1 1-101,-2 0 0,0-2 154,0 1-335,0-1 1,0 0 116,0-1 1,0 1 85,-2 2 0,1-2 18,-3 1 0,0-1-124,-1 0 1,-1 0-59,1 1 0,-1 0 13,-2 2 1,1 1 183,-3 1 1,0 0-13,-1 0 1,-1 0 136,-2 2 1,0 1-78,-1 2 0,-1 3-143,2-1 1,-1 1-540,2-1 0,1 1 225,2 1 0,2 1 167,-1-3 0,4 2 179,0-1 0,3 1-140,0-2 0,1 2-116,1-2 0,5 2-109,0-1 0,4 1-238,0-2 0,4 3 153,2-1 0,0 1-281,2 1 1,1-1 192,0 1 0,3-1 84,-1 5 1,0-1-249,0 0 0,-1 2-145,-5-1 0,-1 0 179,-4 2 0,-2-1 78,-3 1 1,-2-1 505,-2 0 1,-2 1 395,-2-1 1,-1-2 160,-2-1 0,-2-2-401,-2 0 1,-2-2-100,-2-2 0,-1-1 38,-2 0 0,1-3-315,-2-1 0,2-2-226,1 0 1,0-2-210,2-2 0,-1-3-100,2 0 0,0-3 260,2-1 0,1 0-687,1-2 1,1 2 355,5 0 1,0-2 192,3 0 0,1 1-80,1 1 1,3 0-805,4 0 0,3 0 1260,1 0 0,2 0 0,-1 0 0</inkml:trace>
</inkml:ink>
</file>

<file path=ppt/ink/ink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3.434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7 75 20161,'0'6'603,"0"-2"0,0 2-181,0-2 0,0 3-234,0 2 0,-1 1 0,0 2 0,-2-2 387,2 0 1,0 1 60,1-2-662,0 3 0,0-5 63,0 2 30,0-4 88,0-2 1,2-4-23,1-1 0,1-3-113,-2-4 1,1 1 70,0-3 0,-3 0 0,3-3 1,-3 1 0,0 0 0,0-1 641,0 1-501,0-1 1,0 2 248,0 1-352,0-2 0,1 5-88,1-3 1,2 2 72,3 0 0,-2 5-86,2 2 1,-2 1 101,4 1 1,-2 0-6,0 0 0,0 3-321,-1 1 1,2 2-1359,1 1 0,-2 0 459,2-1 0,-1 0-104,1-1 0,-1 1 1199,3-2 0,-2 2 0,0 1 0</inkml:trace>
</inkml:ink>
</file>

<file path=ppt/ink/ink15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6.869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34 72 7738,'-6'-1'0,"1"0"0,1 0 340,1-1 0,1 1 2220,-2 1-1199,3 0-198,-4 0-977,4 3 0,0 0 19,2 2 0,2 1-149,3-1 1,-1 0 104,1-1 0,1 0 40,0-2 0,3 2-92,-1-3 1,1 1-659,-1-2 1,1 0 119,0-2 1,-1-1-81,0-3 0,-1 0 285,-2-1 1,-3 0 119,1-2 0,-3 2-44,1 0 0,-1-1-27,-1 1 1,-3 0 387,0 1 0,-3 1-51,-1 2 0,0-2 562,-2 4 0,0-1-231,-2 2 1,0 0 34,0 0 0,1 2 51,1 2 0,-1 1-207,3 3 1,-2 0-27,4 1 0,-1 1-122,4-1 1,0 2-15,2 2 0,0-2 4,0 2 1,1 0-324,0 0 1,5 2-165,3-3 0,0 1-359,0-4 0,0-1-348,4-3 1,-1 0 474,3-1 0,-1-2-626,3-2 1,-1-1 512,-2 0 1,1-2 280,-2-3 1,0-1-103,-2 0 0,-3-3-442,0 1 1,-2 0 418,-1 0 1,-1 0 158,-1-2 1,-1 2 303,-1 0 1,0 2-31,-1-3 1,0 6 1288,0-2-1029,0 2-273,0 1 1,0 1 487,0 4 1,0 1 1030,0 2 1,0 3-656,0 1 1,0 0-87,0 0 1,1-1-321,0 2 0,0-1 93,1-1-574,1-1 111,-3-2 1,4-2 155,-3-1 0,0-4-69,1-1 1,-2-3-398,0-1 0,0 0 77,0-2 1,0 0-82,0-2 0,0 0 82,0 0 0,0 2 89,0 0 0,3 1 221,0-2 0,2 0-103,1 1 1,1 1-55,0-2 1,2 4-4,-1-2 1,1 4 201,-2 1 1,0 1-248,-1 1 1,-1 0-391,1 1 1,-1 1-704,1 0 1,-1 2 537,1 3 1,-1-1 635,-2 1 0,4 2 0,0 0 0</inkml:trace>
</inkml:ink>
</file>

<file path=ppt/ink/ink15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7.211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2 15 7742,'-3'2'0,"1"2"0,1 1 1088,-1 0 1,1 3-152,-1 1 1,2 2 560,0-1 0,0 3-865,2 0 0,-1 0-263,3-2 1,0 0-254,4 0 0,-2-2-263,1 0 0,0-3-316,0-1 0,0 0 370,2-3 1,-3 0 189,2-2 0,-2-3-339,2 0 1,-4-5-940,4-1 0,-3 1 740,2-1 1,-3 0 239,0-2 1,-2 1 155,1-1 1,-2 3-100,1-3 0,1 1 40,-1 0 1,-1-1-20,-1 0 1,0 2-23,0-1-307,0 4-1706,-2-2 2157,1 5 0,-4 3 0,2 3 0</inkml:trace>
</inkml:ink>
</file>

<file path=ppt/ink/ink15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7.760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 126 7742,'2'6'1468,"-1"-1"0,3-1-841,-2 0 0,2-2-108,0 1 0,1-2-468,0 1 1,1-1 88,-1-1 1,1 0-74,1 0 0,-1-1 81,2-1 0,-2-1 52,-1-2 1,0-2-106,-1-1 0,-2 0-433,-2 1 0,0 1 307,0-1 0,0 0 293,-2 0 0,-1 3 130,0-2 1,-2 2-126,1 1 0,-2 0 74,-2 3 0,1 0-77,1 0 1,-1 1 1,0 1 0,0 1 38,1 5 1,1-2 133,2 4 1,-2-2-237,4 1 0,-1 1-212,2 0 1,0 0-149,2 1 1,2-1-384,3-1 1,0 1 447,2-3 1,1 2 29,2-1 0,0-3-751,1-1 1,-2-2 116,0 1 0,2-2-160,2 1 1,0-1 288,0-1 1,-2 0-24,-4 0 0,0-1 397,-4-1 0,2-1 281,-3-2 1,-2 1 473,0-2 1,-1 2-423,1-3 0,-2-2-203,2 0 1,-1-1 182,-1-1 1,0-2 1333,0 0 0,1-1-512,0 1 0,2 0-194,3 0 0,0 1-334,1 0 1,0 1-95,2 2 0,-2 1-267,0 2 1,1 1 90,-1 2 1,1-2 57,-1 4 0,-1-1-489,2 2 1,-2 2-1711,2-1 1,-2 4 556,3-2 1441,-2 0 0,3 4 0,-1-1 0</inkml:trace>
</inkml:ink>
</file>

<file path=ppt/ink/ink15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8.796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2 22 7836,'-3'0'703,"-2"0"-178,4-2-78,-1 1 137,2-1-17,0 2 1,3 1 73,2 0-140,3 0-391,1 1 1,1 0 52,-1 0 1,3 0 151,1-2-636,0 0 295,-2 0 1,0 0 126,2 0 0,-2 0 122,2 0 0,-1-2-1579,-1 0-285,0-2 1083,0 3 1,-3-3-1364,-1 2 1921,-1-2 0,0 1 0,-1-2 0</inkml:trace>
</inkml:ink>
</file>

<file path=ppt/ink/ink15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19.005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38 0 7407,'-3'1'-214,"-1"0"0,1 3 214,-3 1 0,1 0 2024,2 1-157,-2 2-1192,4 0 0,-2 5 467,1 0-570,2 0-207,-3 0-772,6-2 372,-3 3 0,5-3-454,-1 0 0,2 0-645,2 0 0,-1-1 1134,-2 1 0,3 0 0,1 0 0</inkml:trace>
</inkml:ink>
</file>

<file path=ppt/ink/ink15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23.369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 28 8077,'0'-4'977,"0"2"-241,0 2-539,0 2 1,0 2-35,2 1 0,-1 0-7,1 1 1,0 0 229,0 1 1,2 2-76,0 2 0,-1 0 27,0 0 0,3 2 2,1 1 0,0 2-84,-1 1 0,0 1-29,1 3 1,0 0-1,2 1 1,-2 0-56,2-1 1,-1 2-13,1 1 1,-2-2-247,2 2 0,-2-2 42,0 0 0,0-2-68,0 0 0,-1-2-47,1 0 1,0-2 162,-2-1 1,-1-2-69,-1-4 1,0-1 47,1-3 0,0-1 24,-2-1 1,0-1-10,0-1 0,-1-2 60,1-3 1,0-2-105,0-1 0,0-1-1,-2-3 0,2-3-103,-1 0 1,2-2 89,-1 0 1,-1-1-149,3-2 1,-1 2 52,3-3 1,-1 0 81,1-2 0,0-1-84,1 0 1,0 0-137,2-3 0,-3 2 61,2-1 1,0 1 55,1-1 0,-1 2 140,-1-1 0,1 4-127,0 2 0,-1 1 17,-2 3 0,0 0 5,-1 4 0,-2 1-334,-2 2 96,3 1-210,-3 3 0,3 1 5,-3 4 0,-1 1 583,-1 5 0,-1 0 0,-2 3 0</inkml:trace>
</inkml:ink>
</file>

<file path=ppt/ink/ink15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23.680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 1 8064,'0'5'0,"0"3"627,0 1 1,0 0-42,0 0 0,0 0 48,0 2 1,0 2-217,0-1 1,0 3-59,0-2 0,0 1-117,0-1 0,0-2-1,0-2 0,0-2-510,0 0-1027,0-1 675,2-3-650,-1-1 506,1-2 1,-2-1 763,0-2 0,-2-1 0,-1-4 0</inkml:trace>
</inkml:ink>
</file>

<file path=ppt/ink/ink15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23.877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 34 8034,'3'-6'0,"0"1"1364,-2 2-373,0-2-141,2 2-270,-3 0-350,2 0 0,1 3-593,0-2 364,4 1 1,-3-1-329,3 2 0,0 1-526,0 0 0,1 1 853,1 1 0,2 1 0,-3 1 0</inkml:trace>
</inkml:ink>
</file>

<file path=ppt/ink/ink15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24.989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38 252 8128,'-4'-3'482,"0"1"1,2-1 78,-1 2 232,-1-1 0,-1 1-173,-1-1 1,1 2-35,-1-2 1,1 1-114,-1 1 1,2 3-95,0 0 1,-2 3 59,1 1 0,-1 0-142,-3 2 1,2 0-42,0 2 0,1 0 30,0 0 1,0 2-84,0-1 1,0 3-110,4-2 0,-1 1-231,1-1 1,0 0-557,2-2 0,2-1 436,2-1 0,0-1 168,1-3 1,-1-2-42,4-1 0,0-2-518,-1-2 0,2-1 142,-2-4 0,2-4 99,-1-2 0,1-2 173,-2-2 1,2 0 193,-2-3 1,3 2 33,-3-2 1,0 2-65,-1 0 1,-1 1-91,0-2 0,-1 2 30,0-3 1,-1 1 0,0-1 1,2 2 16,-3-2 0,0 3 57,0-2 1,-2 3 27,2 1 1,-1 2 203,-1 2 0,-1 1 378,-1 1 1,1 1-298,-2 5 0,-1 0 277,-2 3 0,1 3-204,-1 3 1,1 2-67,0 5 0,-1 2 85,1 3 1,1 1 223,0 3 0,1 2-184,0 2 0,0 1-300,3 2 0,0 0-380,0 2 1,3-3 286,0-1 0,4-4-655,0-3 1,3-3 393,-1 0 0,0-3 164,0-3 1,0-3-114,2-1 1,-1-2-310,-1-2 0,1-2 90,0 1 1,0-4 21,1-1 0,0-3 168,0-1 0,0-1-16,0-3 0,-3 0 45,-1 0 1,1-1 30,0-1 0,-2 2 187,-2-2 1,0 2 186,-2 0 1,0 0 580,-2 0 1,-1 2-256,-1 0 0,-1 2 209,-2 0 0,-1 2 144,1 2 1,-2 2-326,-1-1 0,-1 2 154,2 2 1,0 2-257,1 4 1,1 1-149,-1 1 1,1 0-73,2 3 0,0-1 201,3 1 1,0 0-322,0 0 1,1 1-485,1-1 1,1 0-924,2-2 0,3-3 720,-1-1 1,3-1-933,-1 0 0,2-3 690,1-1 1,0-2 370,1-2 0,1-1-90,0-3 0,1 1-891,0 0 1,-2-1 745,-2 1 1,0-3 363,0 1 0,-2-2 287,-2 2 0,-1-3 38,-1 1 0,1 0 314,-1 0 0,-2 1-326,-1-1 1,1-1-195,-2 3 0,1-1 661,-4 0 0,1 4 1894,-3-1 1,0 1-1128,-1 0 1,-1 2-430,-2 2 1,2 2 176,-1 2 0,1 3-379,1 2 0,-1 2 130,1 0 1,0 0-286,1 0 1,2 0-146,2 2 0,0-2-235,0 2 1,2-3-1349,2-1 0,1-3 933,3 0 0,-2-2 302,3-2 1,0-1-1487,2-2 0,2-5 625,0-3 0,0-1 598,0-1 1,-1 0 98,0 0 1,-3 0-28,-1 0 1,-3 0 249,-1 0 1,-2 2 1295,-2 0 0,0 2-497,0 0 0,-2 1 136,-2 0 1,-3 2-550,-2 0 0,-2 0-114,0 2 1,0 0-55,-2 2 1,2 1-1,-2 1 0,1 1-1214,1 2 994,3 0 0,-2 1 0,1-1 0</inkml:trace>
</inkml:ink>
</file>

<file path=ppt/ink/ink15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2.697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27 22 7972,'0'-5'1007,"0"1"-439,0 0 223,0 3-218,0-4 247,0 5-192,0-3 441,0 3-638,-2 0 1,1 3 61,0 0 0,-1 5-118,1 1 0,0 1 228,-1 1 0,0 2-186,0 0 0,-1 2 178,2-1 1,-1 2-160,-1 1 0,2-1-204,-1 0 0,1 1 93,1-1 0,0 1-74,0 1 1,0-2-207,0 0 0,1-1 61,1 1 1,-1-1-113,2 0 1,1-1 81,2 0 1,0 0-209,1-1 0,1-2-68,1 2 1,1-1-34,-1-1 1,2-3 98,0-1 1,-1-1-43,1 0 0,1-2-337,1-1 0,-2-2 182,2 1 0,0-2-736,0-2 0,2-1 455,-3-2 0,-1-2-367,-2-1 0,-2-1 163,0 0 1,-1-2-85,-2 0 0,0 0 154,-2 0 1,-1 2 56,-1 0 689,0 0 0,-2-4 0,-1-1 0</inkml:trace>
</inkml:ink>
</file>

<file path=ppt/ink/ink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3.945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0 1 20281,'4'3'454,"-1"-2"1,-1 5-186,0-2 1,1 1 391,0 1 0,-2 0-67,4 5 1,-4 1 147,1 4 0,1 1 144,-1 3 1,1 3-380,0 2 1,-3-1-268,3 0 1,-3 1 0,0 1 0,0 1-28,0 0 1,0-3-84,-3 1 0,0-3-735,-1 0 0,-2-4 270,2-3 0,1-1-104,0-3 0,3-4-419,0-2 266,0-4-17,3-4 1,3-4 176,2-6 0,4-1 162,0 1 0,0-1 25,2 1 0,-1 0 64,0-1 1,1 1-1,-1-1 1,0 2 136,1 1 1,-4 2 390,-1 4 0,-2 3 917,-3 4 1,-4 5-752,-4 4 0,-3 2-208,-2 3 1,1-1 123,-3 3 1,5-3 302,-1 0 1,3-1-340,-1 0 0,2-2-147,3 0 1,0-3-833,0-2 1,3 0 0,2-1 233,1-2-375,0-1 0,4-3 368,1 0 0,0 0 114,0 0 0,1 0-254,3 0 1,0 0 498,0 0 0,-1-3 0,0-1 0</inkml:trace>
</inkml:ink>
</file>

<file path=ppt/ink/ink16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2.952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0 12 10797,'6'-2'1269,"-1"0"0,1 0-835,1 2 1,3-1 232,2 0 1,0 0-241,1-1 1,1 2-102,0 0 1,2 0-326,0 0 0,1 0-287,-1 0 0,0 0-845,-2 0 1,2 0 711,-4 0 0,2 0-417,-3 0 1,1 1 272,-5 1 0,0 1-598,-1-1 0,-3-1 1161,-1 2 0,-2 1 0,0 1 0</inkml:trace>
</inkml:ink>
</file>

<file path=ppt/ink/ink16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3.172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6 22 7908,'-2'6'2260,"1"-3"-1980,-1 1 0,4-1-63,2 0 1,3 0 1260,2-3 0,3 0-686,1 0 1,4-2-150,-1 0 1,4-2-507,-2 0 0,2 1-444,-2 0 0,2-1-350,-4-1 1,1 1-676,-4 0 0,0 3 1332,-2-1 0,-3-1 0,0 0 0</inkml:trace>
</inkml:ink>
</file>

<file path=ppt/ink/ink16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4.427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7 28 7894,'-3'0'1071,"-2"0"-202,4-3-393,-1 3-44,2-3-250,0 3 0,0 3 34,0 0 0,-2 3 172,0 1 0,0 2 15,2 1 1,0 1 69,0 0 0,0 2-94,0 0 0,0 0-136,0 0 0,0-2-88,0 2 0,0-3 61,0-1 0,0-2-162,0 0 1,0-3 252,0 0-403,0-3 94,0 2 0,0-4-93,0-1 1,2-3-141,0-2 1,2-3 122,-3-1 1,4-1 127,-2-2 0,2 1-21,1 1 0,-2 0-176,0 1 1,3 0 85,-2 0 0,2 0 34,-2 1 0,1-1 34,-1 2 1,1-1 11,2 3 0,-2 0 265,1 4 1,-1 0-93,0 3 0,-1 1 314,0 1 1,1 3-184,-1 4 0,1 2 25,-1 0 1,-1 2-97,0 2 0,-1-1-227,0 0 1,2 1-260,-4 1 1,3-2-616,-2-1 0,2-2 61,0 0 1,-1-2-783,0-2 1,1-3 1603,2-3 0,-1 0 0,0-1 0</inkml:trace>
</inkml:ink>
</file>

<file path=ppt/ink/ink16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5.315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65 28 7929,'0'-3'-1784,"0"0"1784,0 1 1048,0 2-513,0-5 0,-1 4-130,-1-3 0,1 2-135,-3-2 1,1 3 1305,-3-1-747,1 2-402,-1 0 1,-1 0 80,0 0 1,-2 0-81,1 2 1,-1 1 106,0 3 0,-2-1-197,0 1 1,1 1-106,1 0 1,-1 3 95,0-1 940,3 1-763,-1 1 1,4 0-199,0 0-88,3 0-56,-1 0 1,2 0 68,0 0 0,4 0-423,1 0 0,3-1-551,-1-1 0,2-1 558,1-2 1,1-2 22,0 0 0,0 0-1625,0-2 1,1 0 193,0-2 1,1-1 244,1 0 1,-1-1 247,1-1 1098,-1-1 0,2-4 0,-1 0 0</inkml:trace>
</inkml:ink>
</file>

<file path=ppt/ink/ink16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5.661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87 12 7926,'-2'-3'1492,"-2"1"-917,-1 1 1,0 1 666,-1 0 1,-1 1-605,0 1 0,-1 1 86,0 2 0,2 3-269,-1 1 0,1 1-192,0 1 1,3 0 9,-1 0 0,3 2 79,-1 0 0,2 1-594,2-1 1,1 0-239,2 0 1,3-3-293,1 1 0,2-4 263,0-2 0,0 0-15,2-3 1,0-1 198,2-3 0,0-3 118,-2-2 1,1-3-37,-1 1 0,-2-1 10,-4-1 0,-2-2 553,-1 0 1,-2 1 353,-2 1 1,0 0 149,0 2 0,-2-2-395,-2 2 1,-1-3-311,-2 3 1,-2 1-211,-2 1 0,0 1-377,0 0 0,0 3 416,0 1 1,0 2 149,1 0 1,-1 4-1144,2 1 1045,1 2 0,0 1 0,0 1 0</inkml:trace>
</inkml:ink>
</file>

<file path=ppt/ink/ink16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6.802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208 219 7360,'-5'0'-1220,"1"-2"2442,0 0-703,3 1 0,-4-1-111,2 0 1,-2-2-143,-1 3 0,0-1 388,-1 2 1,0 0-94,-2 0 1,0 0-65,-2 0 1,0 0-214,0 0 0,0 2 60,-2 2 0,2 1 3,-2 3 0,2-2 162,2 3 1,-1-1-222,3 1 1,0 0-59,3 2 1,0 0-49,2 0 0,1 0-201,1 2 1,2-2-253,2 2 1,2-3 245,2-1 1,2-2 54,1 0 1,0-3-241,4-3 1,0-1-423,1-1 1,2-3 341,-2-3 1,2-2-28,-4-4 1,1-1-132,0-3 0,-2 1 62,-4 0 1,-1-3 191,-3 1 0,2-2 180,-2 2 1,1 0 95,-4 1 0,0 1-80,-2 0 0,0 0-118,0 1 1,-2-1 37,0 2 1,-1 0 33,1-1 1,-2 3 285,2-1 0,-2 4 119,0 2 0,1 2 57,0 1 0,-1 1-182,-1 3 1,-1 4 142,1 1 0,1 3-19,0 5 0,1 2 29,-3 3 0,3 2-96,-1 4 1,3-2-8,-1 2 1,1-2-194,1 0 1,1-1-219,1 0 1,1-3 214,5-4 1,-2 0 92,4-3 1,-1-3-29,2-1 1,0-1-431,-1 0 0,3-3-674,0-1 1,0-2-343,-2 0 0,0 0-835,0 0 1,-3-2 1231,-1-2 0,1-1 266,-3 0 0,2 0 628,-4-1 0,0-2 0,2 0 0,-2-3 0</inkml:trace>
</inkml:ink>
</file>

<file path=ppt/ink/ink16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7.090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0 9 7902,'3'-5'367,"0"2"1,-3 3 0,0 4 0,0 1 1220,0 2 0,0 2 331,0 2 0,0 0-1201,0 0 1,0 0-770,0 0 1,0-3-720,2-1 1,1-1 739,2-3 0,1 0 192,-1-3 0,0-3-1076,-1 0 0,0-5-3464,-2-1 4378,0-1 0,0-3 0,1-1 0</inkml:trace>
</inkml:ink>
</file>

<file path=ppt/ink/ink16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7.138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6 27 7902,'-3'-8'-1646,"3"2"4399,-3 1-1170,3 2-1183,0 0 0,3 1-536,0 4 0,3 1-448,1 0 0,0 2 584,2-1 0,0 3 0,2 2 0</inkml:trace>
</inkml:ink>
</file>

<file path=ppt/ink/ink16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7.687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11 30 8191,'-3'0'1649,"0"3"0,2 2-1374,-1 2 0,0 2 73,2-2 1,0 3 391,0-1 1,2 1-325,0 1 1,-1-2 86,-1 0-147,3-2-278,-2 1 136,1-2 0,-1-3 13,0-2 0,0-2-848,1-3 0,0-2 345,0-1 1,2-1 122,-2-1 0,2-1-191,-1 1 1,2-2-456,1 0 1,-1 2 451,1 0 0,-1 2 115,1-2 0,1 2 325,0-3 1,0 6-117,-1-2 1,-1 4-158,1-2 0,-1 3 79,1 1 1,-1 2 45,-2 3 1,2 1 853,-4 3 0,2 2 1430,-1-2 1,-2 1-1489,2 1 0,0 0-518,0 0 1,0-1-597,-2-1 0,2-1-1829,0-2 1926,2-1 276,-1 1 0,2-3 0,1-1 0</inkml:trace>
</inkml:ink>
</file>

<file path=ppt/ink/ink16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1:16:58.432"/>
    </inkml:context>
    <inkml:brush xml:id="br0">
      <inkml:brushProperty name="width" value="0.04286" units="cm"/>
      <inkml:brushProperty name="height" value="0.04286" units="cm"/>
    </inkml:brush>
  </inkml:definitions>
  <inkml:trace contextRef="#ctx0" brushRef="#br0">509 12 7817,'-9'-3'0,"1"3"0,1-5 0,-3 4 0,3-1 1348,-1 2 0,0 0-604,-1 0 1,-2 0 196,0 2 0,1 1-340,1 3 0,-1 0-92,3 1 1,0 0-176,1 2 1,3-2-127,1 2 1,2-1-257,0 1 1,0-1-20,0 1 0,0-1 175,2-2 0,3-1 100,2 1 0,3-3 26,-1-2 1,2 0-656,2-1 0,-1-2-951,3-2 1,-3-3 637,0 0 1,2-2-9,-1 2 0,-1-2 456,-3 1 1,-1 1 236,-3 1 1,0 1 197,-1 0 1,-2 1 402,-2 0 1,2 4 512,0 0 0,0 3-525,-2 6 0,-1 4-219,-1 5 1,1 2 80,-3 3 0,2 5 19,-1 3 1,-2 2 546,0 1 1,-4 0-200,4 3 1,-2-3-383,1 3 0,-1-3-179,0 0 0,-3-4-143,-1-1 0,-3-4 99,-2 2 1,-1-3 51,-1 0 0,-2-4-1,-4-2 1,1-5-55,-3-2 0,1-6-230,-3-2 1,1-3-109,0-3 0,0-4 286,-1-3 0,1-6 68,2 0 0,1-2-52,4 0 1,4-1-882,3-3 0,3 2-3017,3-1 1,2-3 2276,5 2 1,5-1 624,4 1 871,4 3 0,3-5 0,1 1 0</inkml:trace>
</inkml:ink>
</file>

<file path=ppt/ink/ink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4.675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342 14 20198,'0'-4'601,"0"1"0,0 2-180,0-1 281,0 1-378,0-2 1,0 6 483,0 2-505,-3 4 1,-1 1 204,-2 3 1,-2 4-161,-1 1 0,0 4 344,-2 2 1,-2 3-211,2 2 1,-4 5 201,-1 4 0,-2 1-171,0 1 1,1 3 51,-1 2 0,2 1-286,-2 1 0,1 0-262,-1 0 0,2 0-17,3-1 0,1-3 0,1-1 0,3-5 0,-1 1 0,2-6 0,0-3 0,3-5-778,-1-1 0,4-6 360,-2-4 1,3-3-2432,0-3 1574,0-3 1,0-2-222,0-4 1,3-5 1495,1-4 0,2-2 0,1 0 0</inkml:trace>
</inkml:ink>
</file>

<file path=ppt/ink/ink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5.487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201 21 20234,'0'-7'676,"0"0"0,-1 4-51,-1 0 1,1 3-222,-4 0 1,3 0-22,-3 0 0,0 0 137,-4 3 1,1 0-140,-3 4 1,2 0 181,-2 2 1,0 2-149,-3 2 0,1 4-37,0 0 0,0 3-122,2 0 0,-2 3-16,2 1 0,1 2-194,1 1 0,3 0-209,1 0 1,2-3-420,3-2 1,1-2 379,1-2 1,2-2 141,3-2 1,2-2-42,2-1 0,3-3-1109,1-4 0,0-2 146,0 0 1,2-1-48,-2-1 0,1-1 404,-3-1 707,1-2 0,-1-6 0,0 0 0</inkml:trace>
</inkml:ink>
</file>

<file path=ppt/ink/ink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8.720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34 46 20128,'0'-4'0,"0"-1"-54,0 0 210,0 2 46,0-3 1,0 5 189,0-4-182,0 4 1,1-2 206,1 3 1,-1-1 159,1-1 314,-1 1-238,-1-2-432,0 0 104,0 2 1,0-1 186,0 4 0,0 2-231,0 3 1,-1 0-72,-1 2 1,-1 4 533,-2 2 1,0 6-261,3-1 0,-3 3 55,3-1 1,-2 2-222,1 5 0,0-2-275,1 0 1,2 0-110,-3-3 0,3 2-252,0-2 1,0-2-21,0-4 0,0-1 215,0-4 1,2-2-1683,0-3 1245,0-3 0,-1-2-1391,1-3 1052,-1 0 1,3-3-186,-2-2 0,-1-1 634,4 0 1,-4-2 37,2-1 412,-3 2 0,3-6 0,1 3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47:27.732"/>
    </inkml:context>
    <inkml:brush xml:id="br0">
      <inkml:brushProperty name="width" value="0.1" units="cm"/>
      <inkml:brushProperty name="height" value="0.1" units="cm"/>
      <inkml:brushProperty name="color" value="#00A0D7"/>
    </inkml:brush>
  </inkml:definitions>
  <inkml:trace contextRef="#ctx0" brushRef="#br0">1 0 20129,'19'0'57,"0"0"0,0 0-9,0 0 0,0 0 12,0 0 0,0 0-16,0 0 1,2 0 3,4 0 0,-4 0-1,4 0 0,3 0-96,-3 0 0,9 0 96,-3 0 1,-1 0-25,1 0 1,3 0 12,10 0 0,-4 0-4,5 0 1,1 0 6,-2 0 1,9 0-8,-2 0 1,-3 0 109,3 0 1,-1 0-56,7 0 1,0 0 68,0 0 1,0 0-88,0 0 1,0 0-62,-1 0 1,8 0 62,-1 0 1,0 0 2,-6 0 0,-6 0-5,-1 0 0,1 0-5,6 0 0,0 0-8,-1 0 1,1 0-2,0 0 0,0 0-102,0 0 0,0 0 100,0 0 0,0 0-31,0 0 0,0 0 47,-1 0-1200,1 0 1165,0 0 0,0 0-67,0 0 0,6 0 65,0 0 0,1 0-65,-7 0 0,-1 0 40,1 0 1,-6 0-14,0 0 0,-7 0 35,6 0 1,-7 0-41,1 0 1,-2 0 614,2 0 0,-6 0-613,0 0 0,-2 0 95,-11 0 1,7 0-78,-7 0 1,2 0-10,-1 0 0,-5 0 12,4 0 0,-4 0 15,-2 0 0,0 0-19,0 0 1,0 0-19,0 0 1,-6 0 8,-1 0 1,1 0 0,6 0 9,0 0 0,0 0-1,0 0 1,0 0-36,0 0 16,0 0 7,0 0 0,0 0 0,0 0 0,0 0 2,0 0 0,0 0-6,-1 0 1,1 0-2,0 0 1,0 0 6,0 0 0,-6 0 0,0 0 0,-1 0-23,7 0 0,0 0 20,0 0 1,0 0 9,0 0 1,0 0-12,0 0 0,0 0 102,0 0 0,0 0-92,0 0 1,-6 0 5,-1 0 1,1 0 15,6 0-8,0 0 0,0 0-53,0 0 1,-7 0 42,1 0-132,0 0 121,6 0 0,0 0 21,0 0 1,-7 0 86,1 0 22,-9 0-113,13 0 12,-15 0 42,15 0 7,-15 0-144,6 0 133,-8 0-39,9 0-10,-7 0-6,6 0 1,-6 0 46,5 0-4,-5 0 32,6 0-49,-8 0 64,9 0-14,-7 0 8,6 0 106,-8 0-267,9 0 55,-7 0 1,8 0-17,-3 0 32,-5 0 0,8 0 0,-3 0-145,-5 0 23,6 0 49,-8 0 72,9 0-22,-7 0 10,6 0 0,-6 0-27,5 0-1,-5 0 105,6 0-465,-8 0 376,-8 0 1,3 0-11,-7 0 0,6 0-589,-7 0-357,9 0 0,-13 0 978,4 0 0,-4 0 0,-2 0 0</inkml:trace>
</inkml:ink>
</file>

<file path=ppt/ink/ink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9.295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08 54 20128,'0'-4'3154,"0"1"-2678,-3 3 1,-1 0-41,-2 0 0,-1 0 188,0 0 0,0 3 117,1-1 1,-1 3-288,0-1 1,-2 3-53,1 2 1,-1-1-192,2 3 0,0 1-172,1 1 0,2 1-43,2 2 0,1-2-198,1 1 0,0 0 7,0-2 0,1-2-257,1 0 0,2-3 10,5-2 1,-1 0 164,4-3 0,-1-1 4,2-2 0,-2-1 21,0-1 1,0-3-77,0-3 1,-1-1 37,-4-2 0,1 2 92,0-2 1,-3 2-16,1-2 1,-4 1-31,1-2 0,-1 0-266,-1 1 1,-1-1 115,-1 1 1,-1-2-85,-1 2 1,-1-2 121,2 0 1,1-1-630,2 1 984,0 3 0,-3-3 0,-1 2 0</inkml:trace>
</inkml:ink>
</file>

<file path=ppt/ink/ink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59.863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41 0 21245,'-4'3'497,"2"1"1,-1 3 324,1 2 1,-3 2-304,3 2 1,-2 0-45,1 1 0,-1 1-156,2 1 0,-3 0-157,3-3 1,0 0-50,2 1 0,0-4-225,0-1 1,1-2 124,1 0 0,-1-3-126,4-2 0,-1-1-185,3-1 0,-2-3 174,2-2 1,-4-1-343,6-3 0,-5 1 202,3-4 0,-2 4 71,2-4 0,-3 3 85,1-2 1,-1 3 121,3-1 0,-1 0-115,-2 0 1,2 0-5,-1 2 0,-2 0 337,2 1-186,-4 2 1,3 1 492,-2 3 0,-1 1-242,1 1 0,-1 2 85,-1 5 0,-3 2-135,-1 2 0,-2 0-93,-1 1 0,2-1-420,1 1 1,0-2-668,0-1 1,1 1-646,3-3 0,0 0 787,0-2 1,1-3 790,1 1 0,2-4 0,2 2 0</inkml:trace>
</inkml:ink>
</file>

<file path=ppt/ink/ink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0.439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14 245 20094,'0'-4'476,"-3"1"-321,3 0 1,-3 2 134,3-4 1,-1 4-1,-1-2 1,-1 1-1,0 0 92,-3 0 0,0 1 0,0 1 1,-1 1 341,0 1 0,1 0-437,-1 2 0,0 3-80,1 2 1,-1 2 25,0-2 0,1 3-26,2-1 0,-2 2 0,1 0 1,2-2 49,1 0 1,1-2-385,1-1 0,1 0-145,1-1 1,3-1 0,3-2-696,1-2 306,3-1 1,-2-4 251,4-1 0,-1-3-22,0-2 0,-1-2 84,-1-2 1,-1 0 322,1-1 0,2 1-100,-2 0 1,0-1-84,0 1 0,-3-1 84,1-2 1,-2 1 134,0-3 1,-1 3 48,-2-3 0,2 0-114,-1-2 1,-1 2 153,0 0 0,-2 1-57,3-1 0,-4 3 593,1 3 0,-1 3 234,-1 2-439,0 3 0,-5 7-59,-2 3 1,-3 8 109,1-1 1,-2 7 18,2 0 1,-3 5-147,1-1 1,1 3-316,1 2 1,4-1 101,0 1 1,4-5-423,-1-2 1,1-1 79,1-4 0,4-1-180,2-5 0,2-1 114,3-3 1,0-1-106,3 1 1,0-3-663,1-2 1,-1-1 428,2-1 1,-2-1-392,0-1 0,-3 0 994,0-2 0,0-4 0,2-2 0</inkml:trace>
</inkml:ink>
</file>

<file path=ppt/ink/ink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4.418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27 1 19768,'-3'0'3007,"0"0"-2614,3 0-32,0 0 0,-1 3-77,-1 1 0,1 2 292,-1 1-315,-2 0 0,3 2 100,-1-1 0,1 4 0,-1 0 112,0 0 0,0 5-46,2 0 1,0 3-115,0 0 1,0 0 93,0 0 0,0 1-363,0 1 0,0-1 116,0 1 1,0 0-14,0 0-200,0-4 1,0 4 0,2-6-419,0 1 0,1-3 116,-1 0 0,-1-4-1136,1-3 365,2-1-575,-3-2 1279,2-1 0,-1-6 159,0-1 0,0-4-1198,-2-1 1461,3-3 0,-2-2 0,2-3 0</inkml:trace>
</inkml:ink>
</file>

<file path=ppt/ink/ink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5.040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 40 22736,'3'-3'507,"-3"0"1,6 0-181,-1 1-84,1-3 1,3 3 399,2-2-425,2 2-14,1-4 0,-1 6 82,0-2 0,3-1-589,0 0 206,2 1 142,-4 2 0,3 0-1265,-1 0 591,-2 0 366,3 0-676,-4 0 619,0 0 0,0 0-245,-2 0 1,-1 2-386,-4 1 1,0 2 949,-1-1 0,-2 2 0,-3 1 0</inkml:trace>
</inkml:ink>
</file>

<file path=ppt/ink/ink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5.122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 21 20095,'3'0'925,"3"0"-519,-5 0 0,7 0 611,-1 0-502,4 0-244,0 0 1,2 0-82,0 0 17,1 0 1,2-3-714,-2 2 439,3-2 0,-3 3 166,1 0 1,-1-1 107,2-1 1,-2 1-601,0-1 1,-2 1-884,-1 1 1,-1-1 1275,-3-1 0,0 1 0,-1-2 0</inkml:trace>
</inkml:ink>
</file>

<file path=ppt/ink/ink2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6.187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0 1 20095,'8'2'493,"0"0"0,2 0 303,0-1 0,1 1 1,3 1 225,-1 1-752,0-3 0,4 2 169,1-3-342,-2 0 0,1 0-88,-1 0 0,-2 0 0,1 0 1,0 0-394,-2 0 1,2-1-1,-1 0 1,-2-2 0,-1 0 383,-1 0 0,-1-2 0,0 1 0</inkml:trace>
</inkml:ink>
</file>

<file path=ppt/ink/ink2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6.702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7 7 19072,'-4'0'1467,"1"0"-323,3 0-740,0 0 419,0 3-474,0 1 0,0 5 196,0 2-82,0 2-205,0 0 0,0 2 458,0 0-306,0 2-139,0 0 0,1 0 300,1-4-360,-1 4-1,5-6-388,-5 1 203,2-2 1,-1-5 127,0 2-189,3-5 0,-3 1 134,2-3 1,-2-3-136,0-1 1,1-3-542,-1-2 278,0-1 209,1-4 0,-2 3-311,1 0 218,2 0 46,-3-3 1,2 1 40,-3 0 0,2 0-56,0 2-149,3-2 237,-4 3 1,4-3-41,-2 2 1,2 1-123,-1 4 70,2-1 54,1 3 221,0 1 895,-1 3-510,-2 3-223,-1 4 0,-1 1 109,1 3 1,1 3 87,-2 1-214,0 1-137,-2-3 0,0 1-92,0-1 0,3 0 0,-1-1 0,0-3-217,1-1 0,-1 0 114,2-4-443,-2-1 238,4 0 127,-6-3 1,6-3 3,-1-1 1,0-4-209,-1-1 1,5-3-150,-3 1 1,2-1-42,-1 1 466,0-2-61,-1 6 0,2-5 33,1 3-67,-2 0 30,3 2 0,-3-1 245,-1 1-72,1-1 180,0 4 0,-3 1 188,1 0 0,-3 3-52,2 3 0,-2 1 308,0 5 0,-1 1-342,-1 4 1,0-1-24,0 1 1,0 1 60,0 1-823,-3-1 451,2-1 0,-2-2-1411,3 0 1,0-1 139,0-2 1,0 0 1289,0-2 0,0-3 0,0-1 0</inkml:trace>
</inkml:ink>
</file>

<file path=ppt/ink/ink2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7.407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4 13 20053,'0'-4'641,"0"1"1,0 3 57,0-3-444,0 3 1,0-3 85,0 6 1,0 0-4,0 4 1,-3 2 105,1 0 0,0 3-162,2-1 0,-2 4-73,-1 0 0,1 1 152,2-3 1,0 1-76,0-1 0,1 1-77,1-1 0,0-3-1,2-1 1,1-2-519,1-3 1,1-1 98,0-3 0,-1 0-50,1 0 1,2 0 70,0-3 0,0-1-145,-3-5 0,1 1-7,0-3 1,0 2 76,-1-2 1,1 2 133,0-2 0,-3 0-8,1 0 0,-3 1 195,2 1 1,-2 1-30,0-1 0,-1 2 82,-1 0 0,0 3-73,0-1 0,2 3 275,0-2 57,0 2 0,-2 0-163,0 4 1,0 2 247,0 5 1,0 2-166,0 2 1,3 4-79,-1 0 0,0 1-254,-2-1 0,3-2-363,2 1 0,0-3-137,-1-2 0,4-1-490,-1-3 0,2-3 1,-1-2 1033,1-1 0,3-7 0,-2-2 0</inkml:trace>
</inkml:ink>
</file>

<file path=ppt/ink/ink2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8.089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41 0 20042,'-4'3'934,"0"2"275,1 1-935,-2 3 0,2 2-59,-2 5 0,0 1 1169,3 3-641,-3 0-410,4 3 1,-2 1 823,3 3-575,0 0-190,0-1-72,0-2-156,0 2 1,3-5 163,1 1-1291,2-1 750,1-4 1,0-1 223,-1-5-1425,1 2 953,0-9 0,-1 2-870,1-6 723,0 0 242,0 0 1,-3 0-1624,0-3 1989,1 0 0,2-7 0,-1-1 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48:44.030"/>
    </inkml:context>
    <inkml:brush xml:id="br0">
      <inkml:brushProperty name="width" value="0.1" units="cm"/>
      <inkml:brushProperty name="height" value="0.1" units="cm"/>
      <inkml:brushProperty name="color" value="#E71224"/>
    </inkml:brush>
  </inkml:definitions>
  <inkml:trace contextRef="#ctx0" brushRef="#br0">4332 1 20580,'-8'0'-688,"0"0"705,3 0 1,2 0 70,-7 0 1,5 0 0,-5 0 1,5 0-6,-5 0 1,5 0 568,-5 0-452,0 0 0,-5 0-76,0 0 1,5 0-49,1 0 1,-1 0 37,-5 0 1,0 0-19,0 0 0,-5 0 4,0 0 0,0 0 0,6 0 1,-6 0 1,0 0 1,-5 0-128,5 0 1,-5 0 118,6 0 1,-8 0-12,2 0 1,2 0-47,-2 0 0,2 0 23,-2 0 0,-3 0 19,3 0 1,-1 0 3,1 0 0,-3 0-6,3 0 1,-3 0-64,-2 0 0,0 0 24,1 0 1,-1 0 21,0 0 0,0 0-3,1 0 0,-1 0-8,0 0 0,0 0 1,1 0 1,-1 0-38,0 0 0,-5 0 50,0 0 0,1 0-6,4 0 1,0 0-12,0 0 0,1 0-72,-1 0 0,0 0 20,0 0 1,-1 0-6,-4 0 1,4 0 43,-4 0 0,-1 0-4,1 0 0,0 0-115,5 0 0,-4 0 99,-1 0 0,-5 0-15,5 0 0,1 0 1,4 0 0,-1 0 75,-4 0 1,3 0-75,-2 0 1,2 0 1,2 0 1,1 0 15,-1 0 0,0 0 3,0 0 0,-4 0 15,-1 0 1,0 0-18,5 0 1,2 0-1,3 0 0,-3 0-9,3 0 0,-3 0-37,-1 0 0,-1 0 25,0 0 0,2 0-2,3 0 0,-3 0 1,3 0 1,-1 0-4,1 0 0,-3 0 7,3 0 1,2 0-7,-2 0 1,2 0-4,-2 0 1,-1 0 4,6 0 0,-2 0 2,2 0 0,4 0 3,-4 0 0,-2 0 0,3 0 1,-1 0 1,5 0 1,0 0-1,0 0 1,0 0-6,0 0 1,0 0 1,1 0 1,-1 0 3,0 0-6,0 0 1,0 0-46,0 0 1,0 0 32,0 0 1,0 0-4,1 0 1,-1 0 12,0 0 0,0 0 0,0 0 1,0 0-9,0 0 1,5 0-14,0 0 81,0 0 1,-4 0-59,-1 0 0,0 0 91,0 0 0,5 0-86,0 0 0,0 0-5,-5 0 0,0 0 0,0 0 0,1 0-8,-1 0-5,0 0 0,0 0 17,0 0-6,0 0 0,0 0 1,0 0 0,5 0-35,1 0 0,4 0-14,-5 0 21,0 0 1,-5 0 25,0 0 0,5 0-4,0 0 50,0 0-62,-5 0-2,0 0 44,1 0 21,-1 0 0,5 0-27,0 0-9,6 0 0,-4 0-7,3 0 1,2 0-3,-7 0 1,5 0-8,-5 0 1,0 0 14,-5 0-6,0 0 1,1 0-7,-1 0 1,0 0-24,0 0 23,0 0 1,0 0-1,0 0 1,5 0-33,0 0-3,0 0 18,-4 0 6,-1 0-3,0 0 7,0 0 1,5 0 18,0 0 0,5 0-18,-5 0 0,5 0 1,-5 0 0,5 0 8,-5 0 1,5 0 1,-4 0 16,5 0-25,-9 0 4,5 0 0,-2 0 16,0 0 0,5 0 4,-5 0 1,5 0-12,-5 0 1,7 0-194,-10 0-305,11 0-917,-5 0 601,1 0 382,4 0 428,-5 0 0,7 0 0</inkml:trace>
</inkml:ink>
</file>

<file path=ppt/ink/ink3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8.719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94 7 20015,'-4'-1'0,"2"-1"0,-2 1 2521,1-2-1662,-4 3 0,0 1-340,1 1 0,-1 2-134,0 2 0,0 2 290,1 1 0,-1 1-59,0 4-201,1-1-146,-1 0 0,3 0 55,2-2-1078,1 2 606,1-3 0,0 1 89,0-2-1149,3-2 825,1-3 0,3-1 188,2-3 0,-1-3-171,1-2 1,0-3-733,0-1 672,0-3 283,-2 2 0,-3-3 143,1 2 1,-1-1-240,0 3 566,2 0-294,-5 0 1,4 1 63,-3-1 1,3 4 448,-3 1 346,3-1-634,-4 1 0,4 2 466,-3 4-373,0 2-63,-2 6 491,0 0-619,0 7 1,0-1-1,0 3 1,0-2-1,0 0-406,0 0-495,0 1 0,0-1 0,0-2 0,1-3 0,1-1 741,3-2 0,1 0 0,1-2 0</inkml:trace>
</inkml:ink>
</file>

<file path=ppt/ink/ink3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9.314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08 1 20335,'-4'4'2302,"1"-1"-1947,0 0 1,2 0 279,-1 4 1,-1 0-215,1 2 0,-3 2-183,3 2 0,-2 1 100,1 2 0,1-2 199,2 2 1,0-2-32,0-1-998,0 1 425,0-1 0,0 0-183,0-2 1,0-2-345,0-2 0,0 0-1417,0 0 1035,0-4 150,0 0-819,0-3 1151,0-3 1,-1-3 86,-1-3 0,1 0 110,-4 3 43,4-1 254,-5-3 0,2 2 0,-3-3 0,1 0 0,-1-3 0,0 1 0,1 0 0,0 2 0,1-1 0,0 6 1374,3 0-736,0 1-216,2 1 1,0 0 205,0 2 0,0 1-122,3-1 0,0 4 110,4 3 1,0 1-286,2 0 0,1 1-164,1 0 1,2-1-561,-2-2 245,2 2 192,0-2 0,0-1-1739,1 0 925,2 0 338,1-2 432,0 2 0,3 0 0,-3 1 0</inkml:trace>
</inkml:ink>
</file>

<file path=ppt/ink/ink3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09.895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08 41 20003,'-4'0'1578,"0"0"-982,2 0 518,1 0-680,-5 0 1,2 0 240,-2 0 0,-1 1-242,0 1 0,0 2 38,-2 2 1,2 1 0,-2 0 534,1 2-678,1-1 1,1 4-131,-1 0 0,3 0-5,2 2 5,1-4 50,1 3-918,0-6 547,0 3 0,4-3 158,3-1 1,-1-2-188,3-2 1,2-1-2060,0-1 1315,-1 0 407,2-3-504,-1-1 571,2-2 1,-2-2 126,0-1 0,-2 1 253,0-3 1,-3 0-305,-1 0 452,1-1-140,-6 4 0,3-2-139,-3 1 1,0 1-49,-3-1 0,0 0-311,-4 0 1,0-1-43,1 1 0,-1 3 574,0-1 0,-2-3 0,-2 3 0</inkml:trace>
</inkml:ink>
</file>

<file path=ppt/ink/ink3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10.419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0 27 20813,'0'7'417,"0"0"-345,0 2 1,0 1 0,0 4 0,0-1 0,0 1 396,0-1 1,0 0 0,0-1 0,0-2 0,0 0-1,0-2-475,3-4 241,-2 2 458,2-5-410,-3 2 0,0-4-112,0-4 1,1 1-106,1-5 0,-1-1-299,1 1 1,-1-4 140,-1 2 1,0-4-16,3 4 1,-2-1 174,4-2 0,-3 3 21,2 0 0,1 2 117,1-2 0,3 3 0,1-1 0,0 4 87,-1 3-220,3 1 0,-1 1 108,2 0 126,-3 3-95,3 4 1,-3 1-2435,4 3 1496,-1-3 1,1 4 725,-1-3 0,3 3 0,2-1 0</inkml:trace>
</inkml:ink>
</file>

<file path=ppt/ink/ink3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5:46.036"/>
    </inkml:context>
    <inkml:brush xml:id="br0">
      <inkml:brushProperty name="width" value="0.025" units="cm"/>
      <inkml:brushProperty name="height" value="0.025" units="cm"/>
      <inkml:brushProperty name="color" value="#00A0D7"/>
    </inkml:brush>
  </inkml:definitions>
  <inkml:trace contextRef="#ctx0" brushRef="#br0">316 48 20320,'-1'-4'0,"0"-1"654,0 0 1,-2 0-275,2 1 1,0 0 100,-2 1-132,2 0 1,-3 0 170,2 0 0,-1 1 100,2-1 0,-3 2-234,1-1 1,-2 2 30,1 0 1,-3 0-122,1 0 1,-3 0 155,1 0 1,1 0-96,-1 2 0,0-1-117,-3 2 1,1 0 138,-1 2 0,2 0 207,-2 2 1,1-2-245,1 1 1,-1 1-343,1 0 0,-1 1 0,0-2 0,1 2 0,1-2 0,0 2 0,2-1 0,-2 1 0,1 0 0,-1 0 0,2 0 0,-1 1 0,1-1 0,0 1 0,0 1 0,1 1 0,0 0 0,1 0 0,1-1 0,-1-1 0,2 1 0,-1 0 0,2 1 0,-1-1 0,2 1 0,0 1 0,0-1 0,0 1 0,0-1 0,3 1 0,1 0 0,2 2 0,2-3 0,0 0 0,3-2 0,1 1 0,3-1 0,-1 1 0,-2 0 0,3-3 0,-2-1 0,2 0 0,-3-2 0,2 1 0,0-2 0,-1 0 0,0-1 0,-1 1 0,1-1 0,0-1 0,-2-1 0,0 0-677,-1 0 0,-1 0-256,1 0 1,-1 0 519,1 0 0,-2 0 132,0-2 1,-2 2 280,0-2 0,2 0 0,-1-1 0</inkml:trace>
</inkml:ink>
</file>

<file path=ppt/ink/ink3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5:47.430"/>
    </inkml:context>
    <inkml:brush xml:id="br0">
      <inkml:brushProperty name="width" value="0.025" units="cm"/>
      <inkml:brushProperty name="height" value="0.025" units="cm"/>
      <inkml:brushProperty name="color" value="#00A0D7"/>
    </inkml:brush>
  </inkml:definitions>
  <inkml:trace contextRef="#ctx0" brushRef="#br0">138 34 20539,'0'-4'989,"0"1"-556,0 2-162,0-3 1,0 3 207,0-2-110,-2 2 317,2-4-129,-4 3 1,1-1-125,0-1 0,1 3 64,0 0 0,-1 0-227,-1 1 0,-2 1-50,0 0 0,0 2 675,-2 2 211,0-1-664,-1 3 1,-1 0-57,1 2 0,0 0-65,1 2 1,-1-1 151,3 2-473,-1-2 0,3 3 0,-1-2 0,2 0 0,1 0 0,2 0 0,0 0 0,0-3 0,3 1 0,1-1 0,1-1 0,4 2 0,-1-4 0,3 2 0,0-2 0,2 0 0,-1-1 0,3-1 0,-1-1 0,-2-2 0,2 0 0,-1 0 0,-1 0 0,1-2 0,-3-1 0,-1-1 0,-1-1 0,-4 0-208,1 0 130,-2-2 1,1 2-23,-3-3 13,1 0-62,-2 0 0,-1-1-129,0 1 1,-2-1-82,-2 0 1,0 1-373,-1 0 1,0 0 79,0-2 1,-1 1-203,1-1 0,-1 1 429,0-1 1,4 3 168,-2 0 0,1 2-2369,-1 0 1257,3 3 704,0-3 0,2 4 663,0-2 0,0 2 0,0-1 0</inkml:trace>
</inkml:ink>
</file>

<file path=ppt/ink/ink3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5:47.978"/>
    </inkml:context>
    <inkml:brush xml:id="br0">
      <inkml:brushProperty name="width" value="0.025" units="cm"/>
      <inkml:brushProperty name="height" value="0.025" units="cm"/>
      <inkml:brushProperty name="color" value="#00A0D7"/>
    </inkml:brush>
  </inkml:definitions>
  <inkml:trace contextRef="#ctx0" brushRef="#br0">1 6 22397,'2'0'1317,"1"2"0,-2 1-901,1 3 0,1 2-196,1 1 0,-2 3 851,1 1 85,-2 0-699,4 2 1,-4-1 303,2 0-384,-2 1-201,1-1 0,0-2-228,-1-1 81,3-1 80,-3-2 1,2-1-31,-1-2 1,-1-2 360,-1 0-220,0-2 0,1 1-328,1-4 0,-2-1-42,2-1 0,-2-3-536,0-1 350,0-1 191,0-1-178,0-2 192,0 2 1,0-1 31,0 1 1,0-1 9,0 0 1,2-2-5,-1 2 1,3 0-62,-1 1 1,2 1-76,1-1 370,0 1-208,3 1 0,-3 0 499,1 4-207,-1 0 4,3 4 0,-3 0 215,0 2 1,-1 3-252,0 3 0,0 3-97,0 2 1,-1 1 90,1 2 1,-2-1 156,1 1 0,-3 0-715,2 0-2105,-2 0 1684,4-4 0,-4 0-950,2-3 1,-2-1 206,0-2-485,2-1 903,-2 0 1117,1-2 0,0-1 0,1-2 0</inkml:trace>
</inkml:ink>
</file>

<file path=ppt/ink/ink3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5:48.330"/>
    </inkml:context>
    <inkml:brush xml:id="br0">
      <inkml:brushProperty name="width" value="0.025" units="cm"/>
      <inkml:brushProperty name="height" value="0.025" units="cm"/>
      <inkml:brushProperty name="color" value="#00A0D7"/>
    </inkml:brush>
  </inkml:definitions>
  <inkml:trace contextRef="#ctx0" brushRef="#br0">10 0 21442,'-3'0'1967,"1"2"-1520,2 1 1,-2 1-195,1 5 0,-1 2 43,2 3 0,0 3 627,0 0 1,0 4-276,0 1 0,0 0-3,0 0 1,2 0-711,-1 0 0,3 1 106,-1-2 1,0-1-903,0-1 0,0-2 610,2-3 0,-2-2 283,-2-2 1,1-3-388,0 0 1,0-4-1684,-2 1 1049,0-3 0,-2 0-203,0-2 1,-1 0-299,0-3 1490,-4-1 0,2 0 0,-2-2 0</inkml:trace>
</inkml:ink>
</file>

<file path=ppt/ink/ink3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5:48.626"/>
    </inkml:context>
    <inkml:brush xml:id="br0">
      <inkml:brushProperty name="width" value="0.025" units="cm"/>
      <inkml:brushProperty name="height" value="0.025" units="cm"/>
      <inkml:brushProperty name="color" value="#00A0D7"/>
    </inkml:brush>
  </inkml:definitions>
  <inkml:trace contextRef="#ctx0" brushRef="#br0">0 25 20103,'2'-8'1331,"1"1"-868,2 3 0,0 1 674,-1 1 0,2 2-527,0 0 1,1 0-273,3 0 0,2 0 236,0 2 1,1-2 721,-1 2 1,3-1-1074,1-1 0,-2 1-620,-1 1 1,-3 1-1083,1-2 1,-1 3 952,0-3 1,-1 1-1385,-1-2 0,0 1 1910,-1 1 0,1 0 0,0-2 0</inkml:trace>
</inkml:ink>
</file>

<file path=ppt/ink/ink3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5:49.708"/>
    </inkml:context>
    <inkml:brush xml:id="br0">
      <inkml:brushProperty name="width" value="0.025" units="cm"/>
      <inkml:brushProperty name="height" value="0.025" units="cm"/>
      <inkml:brushProperty name="color" value="#00A0D7"/>
    </inkml:brush>
  </inkml:definitions>
  <inkml:trace contextRef="#ctx0" brushRef="#br0">5 38 20143,'-3'0'1430,"1"1"951,2 1-1657,0 0-257,0 5-154,0 0 1,0 3-102,0 0 1,2 1 186,-1 2 0,2 1 0,-1 0 0,1 1 344,-1 1 1,1-2-532,1 0 0,-2 0 160,1-3-24,-1-2-189,2 0 0,-4-3-159,2 0 106,1-3-56,-3-1 268,2-2 0,-2 0-518,0-2 162,0-3 1,0-2 27,0-3 0,0 0 8,0-1 0,0 1-136,0-3 0,-1 1-198,-1-1 0,0 0 63,2 2 75,0-3 169,3 2 0,-1-1-31,3 1 1,0 0-96,2-1 0,-2 1-88,3 3 1,0 1 145,2 0 1,-1 2 51,1 2 1,-2-1-846,0 4-669,0-1 978,1 2 1,1 0-1889,-1 0 1266,1 2 1203,-3 1 0,5 2 0,-2 0 0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48:47.223"/>
    </inkml:context>
    <inkml:brush xml:id="br0">
      <inkml:brushProperty name="width" value="0.1" units="cm"/>
      <inkml:brushProperty name="height" value="0.1" units="cm"/>
      <inkml:brushProperty name="color" value="#E71224"/>
    </inkml:brush>
  </inkml:definitions>
  <inkml:trace contextRef="#ctx0" brushRef="#br0">4585 1 19250,'-8'0'160,"1"0"-28,7 0-9,-6 0-192,4 0 389,-5 0-261,1 0 125,4 0 0,-6 0-18,3 0 1,2 0-29,-7 0 1,5 0-31,-5 0 0,5 0 16,-5 0 0,5 0-71,-5 0-123,0 0 44,2 0 1,-5 0-22,3 0 124,3 0-93,-6 0 1,5 0 7,-7 0 0,5 0 48,0 0-81,0 0 60,-5 0 1,-2 0-5,-2 0 1,2 0-10,-3 0 1,4 0 85,1 0 0,-5 0-18,0 0 1,-1 0-16,1 0 0,3 0 12,-3 0 0,-1 0 5,1 0 1,-1 0-50,1 0 1,3 0 1,-3 0 0,-1 0 27,1 0 1,-2 0-1,3 0 1,2 0-186,-3 0 0,-1 0 112,1 0 0,-5 0 30,5 0 1,-1 0 5,1 0 1,-3 0 5,-7 0 1,0 0-13,0 0 1,1 0 6,-1 0 1,2 0-2,3 0 0,-8 0 4,3 0 1,-3 0-95,3 0 0,0 0 32,1 0 0,-1 0 44,0 0 0,0 0-21,0 0 1,1 0 1,-1 0 1,0 0 8,0 0 0,-4 0 2,-1 0 1,0 0-8,5 0 1,-4 0 0,-1 0 0,-1 0 25,1 0 1,3 0-23,-2 0 1,1 0 10,-2 0 0,3 0-8,-2 0 4,2 0-3,2 0 1,-4 0 1,-1 0 0,0 0 0,5 0 1,1 0-3,-1 0 0,0 0 0,0 0 1,1 0 10,-1 0-5,0 0-4,0 0 0,1 0 0,-1 0 0,0 0 0,0 0 0,0 0 0,1 0 0,-6 0-13,0 0 0,0 0-2,6 0 0,-1 0 12,0 0 0,-5 0-1,1 0 0,4 0 7,5 0 8,0 0-14,-5 0 0,2 0 7,4 0 0,-5 0-5,5 0 0,-3 0 0,2 0 1,-3 0 41,3 0 1,-1 0 4,1 0 1,-3 0-40,3 0 0,-1 0 2,1 0 1,-3 0 18,3 0 0,2 0 2,-2 0 0,5 0-48,-5 0 0,5 0 35,-4 0 1,5 0 0,0 0 0,-3 0-32,2 0 1,-1 0-11,1 0 1,3 0 22,-2 0 0,0 0 0,0 0 1,2 0-18,-3 0 1,4 0 7,1 0 1,0 0 10,0 0 0,0 0-3,0 0 0,0 0 6,0 0-5,0 0 0,1 0 0,-1 0 1,5 0-2,0 0 1,5 0 1,-5 0 0,5 0 4,-5 0 0,5 0-3,-5 0 4,7 0-5,-10 0 14,4 0 0,-6 0 26,1 0-18,-1 0 0,0 0-17,0 0 1,5 0 1,0 0 1,0 0 36,-5 0 0,5 0-35,0 0 1,5 0-37,-4 0 40,-1 0 1,-5 0-34,0 0 1,5 0 24,0 0-8,0 0 2,-5 0 1,0 0-4,0 0 1,5 0-3,1 0 0,4 0 5,-5 0 0,5 0 1,-5 0 1,5 0-1,-5 0 0,5 0 1,-5 0-1,0 0 0,-5 0 0,0 0 0,5 0 0,0 0 0,6 0 0,-6 0 95,6 0 200,-9 0-238,11 0-23,-11 0 0,10 0 41,-7 0-44,7 0 3,-11 0 27,6 0-10,-7 0-30,0 0 1,0 0 0,6 0-44,-1 0 1,5 0-29,-5 0 19,6 0 1,-4 0-30,3 0-17,4 0 68,-6 0-15,0 0-372,6 0-3076,-6 0 3472,20 0 0,4 0 0,13 0 0</inkml:trace>
</inkml:ink>
</file>

<file path=ppt/ink/ink4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5:50.039"/>
    </inkml:context>
    <inkml:brush xml:id="br0">
      <inkml:brushProperty name="width" value="0.025" units="cm"/>
      <inkml:brushProperty name="height" value="0.025" units="cm"/>
      <inkml:brushProperty name="color" value="#00A0D7"/>
    </inkml:brush>
  </inkml:definitions>
  <inkml:trace contextRef="#ctx0" brushRef="#br0">111 39 20143,'-5'0'541,"0"0"1,0 0 768,1 0 1,-1 2 755,0 1-1102,0 2-323,-2-1 427,2 1-641,-2 0 0,2 2 212,1 1-253,-1 1-113,0 0 0,0 3-61,1 1 0,-1 0 13,2 0 1,1 0 119,2 0-687,0-1 328,2 2 0,1-4-1230,2 1 670,1-1 348,0-3-936,3-2 771,-2-3 0,3-2-52,1 0-32,-1-2 226,2-3 1,-3-4-99,-1-2 1,1-2 116,-3 0 0,0 1 204,-1-1 1639,0 3-1153,0-4 1,-3 4 1077,0-1-750,-2-1-370,-2 1-114,-2 0-82,-2 1 1,-4 1 18,0-1 1,-2-1-19,1 0 0,-3 0 92,2 3-650,0 1 335,-2 3 1,4 1-2405,-1 1-1552,3 2 1873,1 2 2083,3 1 0,-1 1 0,0 1 0</inkml:trace>
</inkml:ink>
</file>

<file path=ppt/ink/ink4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5:50.419"/>
    </inkml:context>
    <inkml:brush xml:id="br0">
      <inkml:brushProperty name="width" value="0.025" units="cm"/>
      <inkml:brushProperty name="height" value="0.025" units="cm"/>
      <inkml:brushProperty name="color" value="#00A0D7"/>
    </inkml:brush>
  </inkml:definitions>
  <inkml:trace contextRef="#ctx0" brushRef="#br0">0 10 20189,'0'-3'3008,"0"-1"-1648,0 3-857,0-1 0,1 3-116,1 0 0,-1 4-123,2 3 1,-2 6 1017,3 3 38,-3 6-813,3 4 1,-1 3 1565,1 0-1862,3 5-211,-1-2 0,0 3 0,-1 2 0,2-2 0,-1 0 0,2 0 0,-2-5 0,1-1 0,-1-3 0,0-1 0,0-4 0,-2-2-1641,-1-4-890,-2 0 1608,1-8 0,-2 1-249,0-4 1172,0-3 0,2 0 0,1-2 0</inkml:trace>
</inkml:ink>
</file>

<file path=ppt/ink/ink4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5:51.247"/>
    </inkml:context>
    <inkml:brush xml:id="br0">
      <inkml:brushProperty name="width" value="0.025" units="cm"/>
      <inkml:brushProperty name="height" value="0.025" units="cm"/>
      <inkml:brushProperty name="color" value="#00A0D7"/>
    </inkml:brush>
  </inkml:definitions>
  <inkml:trace contextRef="#ctx0" brushRef="#br0">134 24 20080,'0'-4'842,"0"-1"1,0 2-599,0 0 1,0 1 1632,0-1-1341,-2 2 0,-1-1 327,-1 2 1,0 0-360,-1 0 0,0 0-239,-3 2 0,-3 3 184,2 2 0,-2 1 844,0 0 1,0 0-887,-2 3 0,4 0-407,0 0 0,2-1 0,1-1 0,3 1 0,1-1 0,2-1 0,0-2 0,2 1 0,1-1 0,3 1 0,2-3 0,2 1 0,1 0 0,1 0-869,2 0 0,1-1 323,-1 1 1,0-2 203,-1 0 1,-4 1 948,-3 0 0,-1 1-397,-2 0 1,-1 0 727,-2 0 1,-2 1-939,-1 0 0,-3 1 0,0-3 0,-3-1 0,-1-1 0,1-2-125,-2 0 0,1 0-526,0 0 0,1-2 568,1-1 83,-1-1 0,2-1 0,-3 0 0</inkml:trace>
</inkml:ink>
</file>

<file path=ppt/ink/ink4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06.094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53 63 19096,'0'-9'891,"0"3"-233,0 0-275,0 4-166,0-2 1,0 3 218,0-2 90,0 2-198,0-3 185,0 4 180,0-4-461,0 3 1,0-3 204,0 1 368,0 2-516,0-3 1,0 3 367,0-2-114,0 2-73,0-3-123,0 4-154,0 0 39,0 4 1,0-2-15,0 4 1,-1-4 8,-2 1-80,3 1 0,-4-2-45,4 4 0,0-3 247,0 3-169,-4 0 0,3 3-50,-2 0 0,2 0 6,1-1 1,-3 1-2,0 0 1,0 3 19,3 0 1,-3 3 3,0 0 0,-1 2 1,1 1 0,2-1-96,-2 1 1,-1 0-18,1-1 0,0 4-69,3 0 0,0-1 29,0-2 0,0 0-106,0-1 1,4 0 5,2-2 1,2 1 78,1-1 1,0-2-19,0-1 0,-1-2 28,1-2 1,4 1-123,2 0 0,-1 0 57,0 0 1,-2-3-88,3 0 0,-3-1 63,2 0 1,-2 2-124,3-4 0,-4 1-136,0-1 1,2-2 86,-1 2 0,3-2-124,-3-1 1,0 0 46,0 0 0,-2 0-578,2 0 0,-2-4 1,-2-2 1,1 1-213,0-1 1,0 0 358,0-2 1,-3-4 771,0 0 0,-4 0 0,2 3 0</inkml:trace>
</inkml:ink>
</file>

<file path=ppt/ink/ink4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06.411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9 28 20214,'-5'0'2356,"1"-4"-1986,4 3 0,1-3 43,2 4 0,3-1-5,6-2 1,-1 2-21,3-2 0,1 2-169,3 1 0,-1 0-198,1 0 0,3 0 85,-1 0 0,5 0-186,-1 0 1,0 0-249,0 0 0,0 0-388,-3 0 1,0-1 502,-4-2 0,-3 2-174,-2-2-2832,-2 2 3219,-6 1 0,-4 4 0,-4 1 0</inkml:trace>
</inkml:ink>
</file>

<file path=ppt/ink/ink4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06.636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 0 21161,'8'5'1386,"1"-2"-490,4-2 0,2-1-340,5 0 1,2 0-74,2 0 0,0 0-160,-3 0 0,2 0-230,-2 0 0,0 3-263,-4 0 0,1 0-473,0-3 0,-1 0-1064,1 0 1,-3 0 1706,0 0 0,-5-4 0,3-1 0</inkml:trace>
</inkml:ink>
</file>

<file path=ppt/ink/ink4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07.322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8 1 21914,'0'8'1353,"0"4"-648,0 0 0,-3 3-112,0-3 1,0 3-201,3 0 1,0 2-45,0 0 0,-3-2-21,0 0 1,0-1 11,3 0 1,0 2-178,0-4 1,0 3-78,0-4 0,0-2 207,0-3-209,0 0 114,0-1 79,0-1 21,0-4-242,0 0 0,0-4-110,0-2 1,0-3-9,0-2 1,3 0-153,0-4 1,4 0 188,-1-2-245,2-1 167,-4 0 0,4 3-127,-2 1 224,-2-1-27,4 1 0,-3-2 172,4 5-175,0-1 174,-4 3 0,2 1 306,-1 2 1,5 2-79,1 4 426,0 0-460,0 4 0,-1 2 113,4 6-223,-4 2-211,2 3 0,-5 2-11,1 2-407,0-3 110,0 4 0,-3-4 240,0-1 0,-4 1-747,1 0 1,-2-4-1211,-1-3 1,0-1 818,0-1-1407,0-4 2602,0 3 0,-4-7 0,-1 3 0</inkml:trace>
</inkml:ink>
</file>

<file path=ppt/ink/ink4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08.572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95 27 18424,'0'-5'1366,"-4"1"0,2 1-788,-4 0 0,3 0-51,-3 3 1,1-1-13,-4-2 1,0 2-158,0-2 0,-1 2 44,-2 1 1,2 4-91,-5 2 1,3 2 103,-3 1 0,4 0 2,0 0 1,-1 2-90,3 1 0,-2 4-207,5-1 1,2-2-38,1 2 0,2 0-141,1 3 0,1-4-85,2 1 1,2-1-374,4 1 1,1 1 434,2-1 0,-1-2 13,3-1 1,-2-3-733,3 0-1008,0-4 1133,2-1 0,4-4-608,0 0 0,-1 0 1281,-2 0 0,0-4 0,-1-1 0</inkml:trace>
</inkml:ink>
</file>

<file path=ppt/ink/ink4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08.937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78 45 20171,'-9'-4'2363,"0"3"-1781,0-3 0,2 4 227,-2 0 1,3 4-183,-6 2 1,2 1 52,1 2 0,-3 3-57,1 0 178,-1 4-443,-1-3 0,3 6 78,-2 2 0,4-3-164,2 3 0,-1-2-238,4-2 1,0 0-124,3-2 0,4 0-265,2-3 0,3-1 207,2-5 0,3 1-127,4-4 0,2-1 87,1-5-319,0-2 285,-4-4 1,1-4-81,0-1 0,-2-3 55,-1-1 0,-2 3 273,-4 1 1,-4-1-63,-2-3 0,1 3-44,-1 1 0,-4 0-77,-5-1 1,-2 1-199,-1 3 1,-4 0-120,-2-4 1,0 3-421,0-2 0,-1 3 452,4-1 1,-2 6 23,2 3 417,4-2 0,-4 4 0,2-3 0</inkml:trace>
</inkml:ink>
</file>

<file path=ppt/ink/ink4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09.697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96 256 20066,'0'-5'1117,"-4"-3"0,0 6-636,-2-3 1,1 3-218,2-1 0,1 1-28,-4-1 0,0 2 359,-3-2 1,0 2-194,1 1 1,-1 0 76,0 0 0,0 4-147,0 2 0,-3 0 16,1 2 1,-1-1-50,3 5 1,0 2-74,0 1 1,0 1-18,1 2 1,2 0 26,0-1 0,4 5-303,-1 2 0,2-3 111,1 0 0,0-3-245,0 0 0,4-1 126,2-2 1,2-3-340,0-3 0,4-4 125,0-2 1,4-2-16,-1-1 0,-2-2 104,2-4 1,-1-2-150,1-9 1,0 0 141,-3-7 0,3 1 49,-3-4 1,0 1 201,0-1 0,-5 4-52,2-1 0,-3 1 175,0 0 0,1-3-64,-5 3 0,4 0 24,-3 0 1,0 0-94,-3-1 0,0 0 81,0 3 1,0 1 88,0 2 0,0 4 100,0 2-169,4 2-85,-3 2 1,2 3-5,-6 2 1,-1 10 382,-2 4 0,-1 6 764,1 4 1,-1 1-602,1 5 0,-1 2-570,4 1 1,-3 3-23,3 0 0,0 0 0,3 0 0,4 0 0,2-4 0,2 0 0,1-5 0,3-1-1355,-1-5 1,2-2 98,-1-4 1,-2-5-204,2 2 1,-3-6 500,0 0 0,0-3-1293,0-3 2251,-4-2 0,3-4 0,-3 0 0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48:49.645"/>
    </inkml:context>
    <inkml:brush xml:id="br0">
      <inkml:brushProperty name="width" value="0.1" units="cm"/>
      <inkml:brushProperty name="height" value="0.1" units="cm"/>
      <inkml:brushProperty name="color" value="#E71224"/>
    </inkml:brush>
  </inkml:definitions>
  <inkml:trace contextRef="#ctx0" brushRef="#br0">1370 1 19961,'-15'0'490,"7"0"61,-5 0-624,5 0 1,-7 0 145,0 0 0,5 0-139,0 0 1,0 0 109,-5 0 0,0 0 121,0 0-88,1 0 1,-1 0-36,0 0 1,0 0 47,0 0 0,-5 0-78,0 0 1,0 0 26,6 0 0,-1 0-91,0 0 1,0 0 105,0 0 0,-5 0 10,0 0 1,0 0-20,6 0 0,-1 0-13,0 0 1,0 0 44,0 0-24,0 0 1,0 0-60,0 0 1,1 0 1,-1 0-34,0 0 1,0 0 66,0 0 1,5 0-66,0 0 1,0 0 62,-5 0-26,0 0 0,1 0-23,-1 0 12,6 0 38,-4 0 0,5 0 6,-7 0 1,5 0 4,0 0 1,5 0 13,-5 0-22,0 0-58,-5 0 45,1 0 0,-1 0 2,0 0 0,5 0-12,0 0 1,5 0-45,-5 0 1,5 0 54,-5 0 0,0 0-28,-5 0 1,0 0 11,1 0 0,4 0-7,0 0 1,5 0 7,-5 0 1,5 0-1,-5 0 1,5 0 8,-5 0 1,5 0 17,-5 0 0,5 0-21,-5 0 2,7 0-4,-10 0 0,9 0 9,-6 0 2,7 0-10,-10 0 1,10 0 7,-7 0 9,6 0-14,-9 0-15,12 0 1,-13 0-16,13 0 34,-6 0-18,0 0 55,6 0-49,-12 0 216,11 0-191,-11 0-11,11 0 1,-6 0-40,3 0-10,3 0-89,-11 0 126,11 0-15,-11 0 1,10 0-16,-7 0 74,6 0 0,-4 0-2,3 0-20,4 0 1,-8 0 72,4 0 25,4 0-93,-6 0 24,0 0-24,-1 0 1,-2 0 47,0 0 5,7 0-425,-10 0 252,4 0-184,1 0-460,-5 0-930,11 0 1434,-4 0 1,19 0-1,3 0 1</inkml:trace>
</inkml:ink>
</file>

<file path=ppt/ink/ink5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10.197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53 97 20542,'-5'0'5192,"2"0"-4254,3 0 1236,0 0-2156,3 4 0,2 0-24,4 2 1,1-2-247,2-4 1,-1 0-495,3 0 1,-3-3 402,1 0 1,-3-4 188,-3 1 1,2-1 0,-3-2 0,-1 0 552,-1 0 0,-2 0-108,-1 0 0,0 3 158,0 1 1,-1 0-157,-2-1 1,-1-1 185,-5 4 0,0-3 57,0 3 1,-3 0-149,0 3 0,0 1-110,0 2 1,2 3-67,-2 6 1,2 1 53,2 1 1,-1 3-267,0-2 0,1 4 0,2 2 0,-1 0 0,4-4 0,0 3-56,3-2 1,1 0-1198,2-6 0,2 0 651,4-3 1,1-3 259,2 0 0,1-4-36,5 1 1,0-5-1363,-1-1 0,1-4 181,0 1 1559,0-2 0,-1-5 0,1-1 0</inkml:trace>
</inkml:ink>
</file>

<file path=ppt/ink/ink5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10.878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86 292 19998,'-5'-5'1645,"-3"1"-384,7 0-571,-7 3 156,3-3-508,-3 4 1,-1 0 34,0 0 0,0 0 15,0 0 0,-3 4 170,1 2 1,-4 2-183,3 1 0,0 3 135,3 0 1,1 3-197,-1 0 0,0 2-169,0 0 1,4 1-94,2 0 0,2-1-207,1 1 0,1-1 235,2-2 1,3 0 137,6-3 0,-1-4-878,3-5 1,4-2-7,3-1 1,-1-2-215,-2-4 1,0-1 372,-1-8 1,0-3 258,-2-6 0,1-1 183,-5-2 0,1 2 195,-3 1 0,-1-4-13,-2 5 0,1-5 185,-4 5 0,0-2-215,-3 2 227,0-7-163,0 10 0,0-9 160,0 5 0,-1 2 23,-2-2 1,2 7 88,-2 0 1,1 8-47,-1 0 620,2 6-602,-3-1 0,1 8 106,0 2 1,-4 10-92,1 4 0,-2 6-411,-1 3 0,5 6 0,1 3 0,-1 1 0,1 0 0,0-3 0,3 2 0,1-2-319,2-4 1,3-2-539,5-7 0,2 1-918,2-6 1,3 0 642,-1-6 0,1 0-159,3-3 1,-3-4-308,0-2 1598,0-2 0,-1-5 0,1-1 0</inkml:trace>
</inkml:ink>
</file>

<file path=ppt/ink/ink5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12.499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8 49 20266,'-5'0'1465,"-3"0"-1043,7 0 201,-3 0 0,4 4-128,0 2 0,1 4-6,2 2 1,2 4-123,4-1 1,0 1 74,0 2 1,2 4-33,1 1 1,3 3-135,-3 0 0,3 2-52,-4 1 1,1 0-14,-3 3 0,0 0-233,0 0 0,-1 1 21,1-7 0,-3 3 18,0-6 0,-4-2 61,1-3 0,-1-2 124,1-4-140,-2-4 139,3 0-113,-4-7 1,1-2 8,2-8 1,-1-1 157,4-5 1,-3-3-137,2-6 0,-2-1-201,3-2 1,0 0 154,3-3 0,0 2 17,0-5 0,0 4-310,-1-4 1,1 1 83,0-4 0,0 2-206,0 2 0,-1 1 136,-2 5 0,0 0-96,-3 2 0,3 6-108,-3 3 1,0 4-144,-3-1 1,1 7-686,2 2-637,-2-2 742,3 8 1,-3 1 142,2 7 990,-2 5 0,7-2 0,-3 4 0</inkml:trace>
</inkml:ink>
</file>

<file path=ppt/ink/ink5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12.706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8 1 20059,'-5'17'583,"-3"1"1,7-3 654,-2-1 0,2 2-554,1 5 1,0-2-228,0 5 1,0-4-192,0 0 1,0-1-50,0-1 0,0-4-407,0 1 0,0-7-1257,0 1 936,0-6 0,3-3-487,0-6 1,1-6 540,-1-3 457,-2-5 0,7-3 0,-3-3 0</inkml:trace>
</inkml:ink>
</file>

<file path=ppt/ink/ink5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12.876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 27 20059,'0'-5'0,"1"0"1966,2 2 0,2 2-965,4-2 1,-1 2-619,1-2 0,3 2-614,0-2 1,0 2-566,-4 1 1,4 0-2076,0 0 2871,0 0 0,1 4 0,0 1 0</inkml:trace>
</inkml:ink>
</file>

<file path=ppt/ink/ink5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13.547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95 252 20056,'-9'-4'638,"3"3"168,0-2 1,0 2-141,-3 1 1,1-3 302,-1 0 1,0 0-255,0 3 0,2 3-297,-2 0 1,2 3 18,-4-3 1,1 4-70,1-1 0,0 5 110,0 0 0,0 5-91,1-1 0,-1 2 74,0 0 1,3 1-273,0 0 0,4 3-125,-1 3 0,2-1-483,1 4 1,0-6 327,0 2 0,3-3 261,0-2 0,5-5-461,1-1 1,1-3-642,4-3 0,-2-2 506,3-4 0,-1-5 60,0-4 0,3-5 10,-2-6 1,-1-3 24,0-4 1,0 0 286,1-3 1,-1 3-107,-3-2 0,-2-2-79,0 2 0,0-1 299,-3 4 1,-2-1 322,-1 0 1,-2 0-277,-1-3 0,0 5 89,0-5 0,0 9 17,0-3 1,0 5 168,0 1 0,-1 5 1286,-2 4-1207,2 0 1,-7 9-31,2 0 0,1 8-92,-1 7 1,3 3-316,-3 2 1,3 3-35,-2 4 0,3 3 0,-1 2 0,2 0 0,1 0 0,0 1 0,0 2 0,4-3 0,1-3 0,3-2-279,1-4 0,1 2-1328,2-5 0,-1 0 509,3-5 1,-3-3 157,1-3 0,-1 0 55,1 0 0,-3-4 885,3-2 0,2 2 0,0 0 0</inkml:trace>
</inkml:ink>
</file>

<file path=ppt/ink/ink5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14.107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27 79 20027,'-8'0'1946,"-1"0"1,4 1-1212,2 2 1,2-1-288,1 4 0,0-3-52,0 2 1,1 1-240,2 3 43,2 0-50,4-4 1,2 2 74,1-4 1,4 3-332,-1-3 0,1 0-384,2-3 1,-1-3 389,-3 0 1,2-4-178,-4 1 1,-1-2 97,-5-1 0,1-3-84,-5 1 0,4-2 453,-3 1 1,0 2-110,-3-2 1,-4 4 296,-2 2 0,-2-2-46,-4 2 1,2 2 94,-2 1 1,-1-1-207,2 1 0,-1 1-79,3 5 0,-3 2 213,0 4 0,1 3 210,2-1 0,0 5-270,0-1 0,3 2-95,0 0 1,4 0-552,-1-2 0,3 1-187,3-1 1,1 1-479,2-1 0,2 0 488,-2-3-1,3 0-243,3-3 0,-2-1 24,5-2 1,-3-3-353,3-3 0,-1 0 1100,4 0 0,0-3 0,-1-2 0</inkml:trace>
</inkml:ink>
</file>

<file path=ppt/ink/ink5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6:14.444"/>
    </inkml:context>
    <inkml:brush xml:id="br0">
      <inkml:brushProperty name="width" value="0.025" units="cm"/>
      <inkml:brushProperty name="height" value="0.025" units="cm"/>
      <inkml:brushProperty name="color" value="#E71224"/>
    </inkml:brush>
  </inkml:definitions>
  <inkml:trace contextRef="#ctx0" brushRef="#br0">150 45 20027,'-9'0'1468,"1"0"-897,-1 0 1,0 0 665,0 0 1,0 4-607,0 2 1,1-1 264,-1 4 1,-1-1-229,-2 7 1,2 0 23,-2 2 1,6 1-304,0 0 1,3 0-189,-3 3 0,4-2-160,-1 1 0,6-2-174,3-3 0,3 0-437,2-3 0,0-3 441,4-3 1,0-4-534,2 1 0,2-6 213,2-3 1,-3-3 56,3-3 0,-2-1 207,-2-5 1,-2 0 325,0 1 0,-7-2-280,1-2 0,-7 4-45,1-1 1,-4 0 1288,-4 3 1,-2 2-536,-8-2 0,0 1-746,-3-1 1,0 2-581,-3 1 0,3 5-729,-3-2 1,3 5 765,3-2 719,-1 4 0,2-2 0,-4 4 0</inkml:trace>
</inkml:ink>
</file>

<file path=ppt/ink/ink5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40.737"/>
    </inkml:context>
    <inkml:brush xml:id="br0">
      <inkml:brushProperty name="width" value="0.025" units="cm"/>
      <inkml:brushProperty name="height" value="0.025" units="cm"/>
      <inkml:brushProperty name="color" value="#66CC00"/>
    </inkml:brush>
  </inkml:definitions>
  <inkml:trace contextRef="#ctx0" brushRef="#br0">505 25 19966,'-4'-2'0,"1"-1"350,-1 1 1,1-1 342,0 1-258,0 2-191,-2-5 1,0 5 0,-1-2 145,-1 1 0,0 0-224,-2-1 0,0 0 0,1 2 0,0 0 1,-1 0-1,1 0 0,0 0 966,-1 0-1037,1 0 0,-1 1 1,1 0-1,-1 1 1,-1 1 110,0 1-93,2-2 1,-1 3-50,1-2 1,-2 1 55,0 2 0,0 0-27,0 1 1,-2 1 158,0-1-238,0 2 75,0-3 0,-1 3 136,-2 0-109,0 0-10,2 1 1,-1 0 19,2 0 0,-1 0 67,1 1 237,0-1-307,2 2 0,1-1 11,0 0 1,0 2 5,3-2 1,-1 1 125,2-2-318,0 0 159,0 1 0,0-1-63,0 2 86,0-1-18,2 1 1,-2 0-92,2-1 0,1 3 149,0-2-241,-1 2 69,3-1 1,-3 0 86,3 0 1,0 1-12,0 1 0,0 0-40,0-2 0,2 2-23,0-2 1,2 0 9,-1 0 30,2-1-6,-3 2 1,3-3 152,-2 1-142,2-2 34,0 3 1,0-3 28,0 2 1,0-1-48,0-1 1,0 0 6,0 0 0,2 0 36,2 0 1,0 0-6,1 0 0,1 0-79,1 0 0,-1 0-31,2-2 0,-1 0 0,2-1 0,-1-2 0,2 3 0,0-1 0,0-1 0,-1 1 0,2-2 0,-2 0 0,2 0 0,0 0 0,-1 0 0,1-1 0,1-1 0,-1-2 0,2 1 0,-1-2 0,2 0 0,-1 0-1021,0 0 0,0 0 1,-3-2-1132,-2 1 1345,1-3 0,-3 3-133,1-3 0,-2 2-336,0-2 1,0 0 1275,0 0 0,1-2 0,-1-2 0</inkml:trace>
</inkml:ink>
</file>

<file path=ppt/ink/ink5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41.552"/>
    </inkml:context>
    <inkml:brush xml:id="br0">
      <inkml:brushProperty name="width" value="0.025" units="cm"/>
      <inkml:brushProperty name="height" value="0.025" units="cm"/>
      <inkml:brushProperty name="color" value="#66CC00"/>
    </inkml:brush>
  </inkml:definitions>
  <inkml:trace contextRef="#ctx0" brushRef="#br0">16 46 20342,'0'-5'0,"0"0"0,0 0 0,0 0 216,0 0 1,0 1 660,0 1-374,0 2-100,0-4-229,0 5 0,0-3 232,0 1 98,0 2-156,0-3 116,0 3-203,0 3 0,0 0 439,0 4-394,-2-2 0,1 5 476,-3 0-449,3 3 0,-3 2 102,2 0 201,1 2-310,1 1 0,0 4 181,0 0-27,0 0-182,0 3 1,0 0-203,2 6-116,1-1 223,0 0 0,1-1-141,-1-1 170,2 1 0,0-1-406,0 2 225,0-7 0,1 2-5,0-5 0,0 0 23,1-2 0,-2-1-79,0-1 0,0-3-177,0 0 0,1-1-746,-1-1 1,-1-2 493,-1 0 0,1-3-848,-2 1 634,2-4-973,-3 2-1189,3-5 1956,-3 2 859,1-2 0,-2 0 0,0 0 0</inkml:trace>
</inkml:ink>
</file>

<file path=ppt/ink/ink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49:44.867"/>
    </inkml:context>
    <inkml:brush xml:id="br0">
      <inkml:brushProperty name="width" value="0.1" units="cm"/>
      <inkml:brushProperty name="height" value="0.1" units="cm"/>
      <inkml:brushProperty name="color" value="#E71224"/>
    </inkml:brush>
  </inkml:definitions>
  <inkml:trace contextRef="#ctx0" brushRef="#br0">18 3 19036,'-6'0'367,"2"0"-111,2 0 4,1-2 2313,-3 1-2274,12 1-171,-6 3 1,12 0 60,-5 1 0,-2-3-60,2 3 0,-1-3 38,2 3 0,2-3-53,-1 3 1,2-1-15,0 0 1,-1 1 0,3 0 0,0-2-86,1 2 0,0-3-51,3 3 0,-1-2 83,2 1 0,0 0-87,0 0 0,0 1 62,0 0 0,-1-1-42,-1 0 0,-2 0 127,1 0 0,0 1-4,0-2 1,-1 1-11,-1 1 0,2-1 14,0 0 1,1 0-97,-1 0 1,1 1 59,-1 0 1,-1 0-137,-1 1 1,0 0 125,0 0 0,0 0 1,-2-2 1,-1 1-60,-2 0 0,0 0-52,0 1 0,0 0 76,0 0 0,-1-1 48,-1-1-4,-2-2-16,4 1-441,-3 0 153,1-1 240,-1 1-346,-4-2-733,0 0 1,-15-6-1,-2-3 1</inkml:trace>
</inkml:ink>
</file>

<file path=ppt/ink/ink6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41.921"/>
    </inkml:context>
    <inkml:brush xml:id="br0">
      <inkml:brushProperty name="width" value="0.025" units="cm"/>
      <inkml:brushProperty name="height" value="0.025" units="cm"/>
      <inkml:brushProperty name="color" value="#66CC00"/>
    </inkml:brush>
  </inkml:definitions>
  <inkml:trace contextRef="#ctx0" brushRef="#br0">1 0 20210,'2'3'1308,"-2"4"1,4-2-596,-2 5 1,1 3 233,-1 0 0,1 2-505,-1 2 1,0-1-168,0 1 1,-1 0-334,0 0 0,0 0 124,-1-2 1,0-2-514,2-2 0,-1 1 83,0-2 1,0 0-162,-1-3 0,0-4 304,0 2-28,-2-3 1,1 0-1148,-3-2 1,3-2 123,-1-1 1272,0-4 0,-1-1 0,-2-2 0</inkml:trace>
</inkml:ink>
</file>

<file path=ppt/ink/ink6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42.132"/>
    </inkml:context>
    <inkml:brush xml:id="br0">
      <inkml:brushProperty name="width" value="0.025" units="cm"/>
      <inkml:brushProperty name="height" value="0.025" units="cm"/>
      <inkml:brushProperty name="color" value="#66CC00"/>
    </inkml:brush>
  </inkml:definitions>
  <inkml:trace contextRef="#ctx0" brushRef="#br0">1 51 20300,'3'-3'874,"1"-2"1,-1 2-483,2-2 1,2 0-165,-1 0 0,3 0 892,0 0 0,1 2-463,2 0 1,-3 0-881,1-1 1,-2 2-258,0 2 1,1 0-411,-2 0 1,2 1 270,-3 0 0,3 2-1528,-3 0 2147,1 1 0,0-1 0,1 2 0</inkml:trace>
</inkml:ink>
</file>

<file path=ppt/ink/ink6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43.644"/>
    </inkml:context>
    <inkml:brush xml:id="br0">
      <inkml:brushProperty name="width" value="0.025" units="cm"/>
      <inkml:brushProperty name="height" value="0.025" units="cm"/>
      <inkml:brushProperty name="color" value="#66CC00"/>
    </inkml:brush>
  </inkml:definitions>
  <inkml:trace contextRef="#ctx0" brushRef="#br0">21 137 20196,'-3'0'-74,"0"0"-148,1 0 222,2 0 943,-3 0 333,3 0-844,0 2 0,1-1-122,1 0 1,-1 2 78,2-2 0,1 2-123,1-2 0,0 0 57,0 1 1,0-2-93,2 0 0,0 0 14,2 0 1,0 0 54,0-2-82,0-1-76,1-2 0,0 0-14,0 0 0,0-2 198,-2 1-413,2-3 129,-5 1 0,3 0 10,-3 1 1,0 0-109,0 0 0,-2-1 128,1 1 75,-3 0-78,1 0 0,-2 1 8,0 0 1,-2 0-5,-2 1 255,0 0-154,-1 2 1,0-1-105,0 3 0,-3-3-66,0 3 0,-1-1 104,-2 2 1,1 0-19,0 2 1,-1 1 233,-1 2-188,0 0-60,2 2 0,-2 1 124,0 2 0,3 0-60,2 0 215,2 0-266,-1 3 0,2 0 31,1 2 0,0 0 17,3 0 0,0 0-39,0 0 1,4 2-29,1-2 0,4 1-25,-1-3-37,2 0 73,0-1 1,2 0-194,2 0 213,-2-3-44,2-2-408,-3-2 221,4 0 1,-4-2 89,2-1 0,-1-1 35,-1-1 1,2-1-78,-2-1-1004,1-1 700,-4-2 0,1 0-1666,-2 0 961,2 0 653,-4 0 0,2 0-884,-4 0 661,2 0 222,-5-2-1454,3 1 865,-1-1 1028,-2 2 0,3-2 0,-3-1 0</inkml:trace>
</inkml:ink>
</file>

<file path=ppt/ink/ink6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44.129"/>
    </inkml:context>
    <inkml:brush xml:id="br0">
      <inkml:brushProperty name="width" value="0.025" units="cm"/>
      <inkml:brushProperty name="height" value="0.025" units="cm"/>
      <inkml:brushProperty name="color" value="#66CC00"/>
    </inkml:brush>
  </inkml:definitions>
  <inkml:trace contextRef="#ctx0" brushRef="#br0">1 6 20296,'0'3'0,"0"0"0,0-2 1510,0 2-924,0 0 0,0 3 22,0-1 1,0 4 83,0-1 1,0 1 560,0 2-564,0 1-367,0 1 0,0 2 681,0 0-496,2-2 0,-2 1-265,3-1-72,-1 2 1,-2-1-71,2-1 0,0-1-177,0-1 0,1-2 433,-1-3-133,2 0 0,-3-3-116,3-1-123,-3-2 120,1 0 1,-2-4-513,0-1 222,0-1 95,0-1 0,0-1-73,0-2 1,0 0 31,0 0 1,0-2-163,0 0 1,0 0 30,0 0 1,2-1-144,1-2 1,2 0-130,0 2 192,2-2 127,1 2 1,2-1 162,0 0-144,0 4 9,0 1 552,-2 3-306,2 1 1,-4 3-70,2 2 1275,-1 2-870,0 3 0,0 5-44,-1 4 980,1 0-823,-2 4 1,0 0 107,0 4-558,-2-1-57,1 1 0,-1 0-450,0 0-6,-1 0 408,1-4 1,-1 0 84,1-3 1,0 0-701,-1-4 0,-2-1-2956,2-3 2410,-2 0-656,0-5 502,0 1 1363,3-3 0,-3-5 0,2 0 0</inkml:trace>
</inkml:ink>
</file>

<file path=ppt/ink/ink6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44.683"/>
    </inkml:context>
    <inkml:brush xml:id="br0">
      <inkml:brushProperty name="width" value="0.025" units="cm"/>
      <inkml:brushProperty name="height" value="0.025" units="cm"/>
      <inkml:brushProperty name="color" value="#66CC00"/>
    </inkml:brush>
  </inkml:definitions>
  <inkml:trace contextRef="#ctx0" brushRef="#br0">46 15 20138,'-3'-2'1266,"1"-3"-27,2 2-553,0 1-461,0-1 0,-1 3 159,-1 0 1,1 3 185,-2 0 1,-1 3 519,-1 1-478,3 2-324,-3 1 1,3 3 621,-1 2-445,-2 0-1,4 5 89,-3-2-287,3 5 1,-1-2-20,2 1 1,0 2-23,0 0 0,0 0 119,0 0-500,2 0 177,1-3 1,3 1-642,1-2 462,-2 1 157,5-3 1,-2-2-603,2-2 0,0-2 114,0-2 1,0-2-102,2-1 1,-1-2 152,1-2-830,1-1 765,-3-2 0,4 0-40,-2 0 0,0-3 32,-2-2 1,-1-2-1004,0 0 711,-2-1 321,-2-2 481,0-2 0,-2-1 0,-1-2 0</inkml:trace>
</inkml:ink>
</file>

<file path=ppt/ink/ink6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4:44.967"/>
    </inkml:context>
    <inkml:brush xml:id="br0">
      <inkml:brushProperty name="width" value="0.025" units="cm"/>
      <inkml:brushProperty name="height" value="0.025" units="cm"/>
      <inkml:brushProperty name="color" value="#66CC00"/>
    </inkml:brush>
  </inkml:definitions>
  <inkml:trace contextRef="#ctx0" brushRef="#br0">5 0 20138,'-3'3'606,"2"-3"122,2 2 0,5-2-295,6 0 1403,3 0-1186,8 0 0,0 0 407,4 0-573,-1 0-136,1 3-2184,-1-3 1338,-3 2 1,1 1 290,-2 0 207,-1-1 0,-3 3 0,0-3 0</inkml:trace>
</inkml:ink>
</file>

<file path=ppt/ink/ink6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1-06-08T08:56:51.947"/>
    </inkml:context>
    <inkml:brush xml:id="br0">
      <inkml:brushProperty name="width" value="0.1" units="cm"/>
      <inkml:brushProperty name="height" value="0.6" units="cm"/>
      <inkml:brushProperty name="color" value="#66CC00"/>
      <inkml:brushProperty name="inkEffects" value="pencil"/>
    </inkml:brush>
  </inkml:definitions>
  <inkml:trace contextRef="#ctx0" brushRef="#br0">311 97 12984 226045 35575,'0'-18'-207'0'0,"0"1"1"0"0,0-1-1 0 0,0 0 163 0 22,0 1 1 0 1,0 9 0 0-1,-2 8 0 0 0,-3 10 0 0 0,-7 7-1 0 0,-4 7 1 0 0,-4 5 0 0 0,-3 5 0 0 0,-5 1 0 0 0,-1 0 0 0 1,-1 3-1 0-1,1 1 1 0 0,-1 2 0 0 0,3-3 0 0 0,3-7 0 0 0,8-7-1 0 0,7-6 281 0 228,1-7-274 0-250,6 5 1 0 0,2-14 0 0 0,14 4-28 0 0,7-4 1 0 0,9-12 26 0 0,11-8 1 0 0,-2-1 0 0 0,7-11-1 0 0,-1-1 8 0 0,0-3 1 0 0,-4-3 10 0 0,6-4 1 0 0,-1 9-6 0 0,1-3 1 0 0,-4 5 56 0 0,-8 1 1 0 0,-5 5 14 0 0,-1 13 1 0 0,-13-3 3 0 0,2 8 0 0 0,-10 0-49 0 0,3 6 0 0 0,-9 4 5 0 0,-2 8 0 0 0,-9 1 9 0 0,-15 17 1 0 0,-9 5 290 0 0,-9 7 0 0 0,-7 5-158 0 0,2-6 1 0 0,-4 6-87 0 0,-2-5 0 0 0,6 7-39 0 0,-1-2 0 0 0,3-4-19 0 0,-2-2 0 0 0,6-5-189 0 0,11-7 289 0 0,-3-3-381 0 0,13-9-28 0 43,3-7 287 0 115,9-2-36 0-84,39-31 1 0 1,-5 1-46 0-59,27-19 0 0 1,-4 1-7 0-17,4-1 0 0 0,6-2 71 0 0,0-4 0 0 0,0-2 7 0 0,-6 7 1 0 0,-2 1 130 0 0,-4 6 1 0 0,-4 1-158 0 0,-7 5 0 0 0,-11 3 404 0 0,-7 8-232 0 0,0 9 6 0 0,-16 1 0 0 0,2 12-40 0 0,-16 7 1 0 0,-8 9 124 0 0,-15 15 0 0 0,-2 9-166 0 0,-5 3 0 0 0,-3 4-13 0 0,-8 2 1 0 0,0 0-128 0 0,0 0 0 0 0,6 0 166 0 0,-1 0 1 0 0,7-7-192 0 0,-6-5 0 0 0,16-6 181 0 0,1-5-41 0 0,8-5-19 0 0,13-7-416 0 118,1-8 230 0-27,16-2 0 0 0,11-18 72 0-21,17-8 0 0 0,3-7 62 0-66,14-11 1 0 1,2-7-19 0-5,10-4 1 0 0,4-4-4 0 0,-4-2 0 0 0,3 5 64 0 0,3 1 1 0 0,-8 8 10 0 0,-4-2 1 0 0,-6 5 123 0 0,-6 7 1 0 0,-5 3-37 0 0,-13 9 27 0 0,-3 7-40 0 0,-17 2 0 0 0,-5 12 198 0 0,-15 8 0 0 0,-9 9-62 0 0,-15 20 0 0 0,-15 5-129 0 0,-3 7 1 0 0,-6 2-125 0 0,0 4 1 0 0,2 4 130 0 0,-7 7 0 0 0,5 1-187 0 0,-6 0 1 0 0,14-8 91 0 0,-3-4 1 0 0,19-12-57 0 0,0-6 88 0 0,11-11 0 0 0,4-5-416 0 0,9-7 182 0 0,7-8 53 0 0,-4 6 1 0 0,16-14-112 0 0,4 3 212 0 0,11-10 0 0 0,7-7-31 0 0,11-12 0 0 0,4-11-20 0 0,8-12 0 0 0,8-4 128 0 0,4-3-103 0 0,-4 1 22 0 0,8 0 0 0 0,-8-2-13 0 0,4-4 0 0 0,-5 10 52 0 0,-6-4 0 0 0,-9 12 158 0 0,-4 0 1 0 0,-6 5-119 0 0,-5 7 0 0 0,-10 5 232 0 0,-9 12-174 0 0,-7 4 0 0 0,2 10-70 0 0,-12 4 1 0 0,-7 12 197 0 0,-17 11 1 0 0,-3 15-170 0 0,-20 9 0 0 0,1 2 12 0 0,-12 10 0 0 0,3 5-51 0 0,25-31 0 0 0,1-1 0 0 0,2 2 0 0 0,-1-1-6 0 0,-4-1 0 0 0,-1 0 0 0 0,-27 35 39 0 0,33-35 1 0 0,1 1-227 0 0,-25 34 216 0 0,-4-11 0 0 0,17-3-176 0 0,9-11 0 0 0,8-7 161 0 0,9-12-219 0 0,8-3 1 0 0,6-16 128 0 0,16-4 0 0 0,8-14 53 0 0,15-10 1 0 0,14-15-33 0 0,4-15 0 0 0,18-5-2 0 0,0-6 1 0 0,5-2 55 0 0,-37 29 1 0 0,-1 0 0 0 0,35-35-54 0 0,3 8 0 0 0,-3-2 122 0 0,-2 2 1 0 0,-10 4-96 0 0,-8-4 1 0 0,-8 12 175 0 0,-9 5 0 0 0,-9 13-46 0 0,-3 5 463 0 0,-13 5-446 0 0,-3 9 0 0 0,-18 14-67 0 0,-7 19 1 0 0,-15 13-33 0 0,-9 17 1 0 0,-10 2 64 0 0,-2 4 0 0 0,0 4-153 0 0,-6 8 0 0 0,-4-1 133 0 0,-2 1 1 0 0,2 0-174 0 0,-2 0 0 0 0,14-8 166 0 0,-2-5-333 0 0,12-2 133 0 0,5-11 1 0 0,11-10 22 0 0,7-11-60 0 0,8-5 0 0 0,4-9 48 0 0,12-4 0 0 0,12-14 53 0 0,12-9 1 0 0,13-11 9 0 0,10-13 0 0 0,0-6-18 0 0,6-12 1 0 0,-2 4 139 0 0,2-4 1 0 0,-4 9-40 0 0,4 3 0 0 0,-6 2 17 0 0,-6-2 1 0 0,-4 4-75 0 0,-7 7 1 0 0,-9 9 15 0 0,-3 3 473 0 0,-12 4 26 0 0,-4 11-233 0 0,-32 40 0 0 0,-6 3-103 0 0,-23 30 0 0 0,-2 1-114 0 0,-4 0 0 0 0,0 12-32 0 0,24-36 1 0 0,0 0-1 0 0,2 2 1 0 0,-1-1-2 0 0,-4-1 0 0 0,-1 0 0 0 0,5 0 0 0 0,1-1 13 0 0,0-1 0 0 0,1-1 0 0 0,-19 27-178 0 0,-2-1 0 0 0,12-9 222 0 0,0-7-70 0 0,11-5 1 0 0,11-16-106 0 0,7-3 0 0 0,8-10-194 0 0,-2-2 1 0 0,8-9 210 0 0,10 3 0 0 0,7-13 60 0 0,17-11 1 0 0,9-10-6 0 0,8-13 0 0 0,16-4 1 0 0,4-14 39 0 0,3 0 1 0 0,3-2 24 0 0,-2 2 0 0 0,-3 6-32 0 25,-9 0 1 0 0,-10 4 31 0 38,-8 13 18 0-58,-15-3 0 0-1,1 25 260 0-4,-15-3-172 0 0,-8 11 0 0 0,-6 8 172 0 0,-16 15 0 0 0,-10 13 215 0 0,-19 17-451 0 0,-4 0 0 0 0,-10 22-18 0 0,-4-4 1 0 0,2 4-24 0 0,-8 1 0 0 0,2-5 32 0 0,-2 0 0 0 0,-2 0 20 0 0,8 6 1 0 0,6-8-207 0 0,6-4 0 0 0,16-12 111-143 0,1-6 0 143 0,8-9-503-146 0,5-3 237 103 0,7-7 1 43 0,4-5-249-13 0,12-11 483 13 0,12-4-77 0 1,9-2 1 0-1,10-10-17 0 18,5-7 1 0-1,3-15 90 0 5,8-9 1 0 1,6-2 67 0-23,0 1 0 0 0,-6 3-9 0 52,-6-8 1 0 0,-7 14 8 0-52,1-3 0 0 0,-14 13 411 0 39,-9-1-101 0-38,0 12 1 0 1,-18 4 77 0-2,0 8 0 0 0,-16 16-93 0 0,-13 8 18 0 0,-13 15-103 0 0,-3 6 1 0 0,-8 14-47 0 0,0 0 1 0 0,-6 8 60-50 0,0-2 1 50 0,-2-2-468-429 0,2 2 151 245 0,4-1 85 176 0,-6-1 0 8 0,10 4-227 0 0,4-8 1 0 0,5-8 56 0 31,13-9 1 0 0,5-7-439 0 203,13-6 289-5-99,3-3 0 5 1,12-16 177-5-18,7-4 1 5 1,9-12 33 0-57,15-6 1 0 0,9-12-35 0-59,3-5 1 0 0,4-10 100 0-3,2-3 1 0 0,6 1-69 0 0,0 6 0 0 0,0-1 178 0 0,-6 1 1 0 0,-2 1-77 0 0,-4 5 0 0 0,-5 3 259 0 0,-13 9 72 0 0,-3 7-11 0 0,-16 2 0 0 0,-7 24-138 0 0,-14 7 309 0 0,-9 9-250 0 0,-23 3 0 0 0,-2 10 6 0 0,-9 8 1 0 0,-1 3-90-6 0,-4 8 1 6 0,4-7-164-421 0,-4 2 1 421 0,10-2 179-310 0,2 2 0 310 0,8-10 18-165 0,-2 5 0 165 0,11-13-303-27 0,6 0 1 27 0,7-9-972 0 0,5-3 919 0 83,4-15 1 0 1,8 9-394 0 67,0-11 341 0-81,16-4 1 0-1,3-2 14 0-27,17-12 1 0-1,7-10 78 0-40,4-7 1 0-1,6-9 17 0 0,6 3 1 0 0,-4-10-30 0 0,4-3 0 0 0,0 3 250 0 0,-6 9 0 0 0,2-1-47 0 0,-13 7 0 0 0,-9 3 349 0 48,-9 9-9 0 12,-12-4 1 0 0,-5 16-158 0-16,-7 0 0 0 0,-9 12-49 0-27,-9 18 0 0 0,-8 1-36 0-17,-9 16 0 0 0,-8 6-60 0 0,-4 6 0 0 0,-5 4 53-69 0,-1 2 0 69 0,0 0-229-382 0,0 12 1 382 0,0-5 37-332 0,0-1 0 332 0,8-6-156-246 0,4 0 0 246 0,5-16 68-170 0,7-2 0 170 0,5-10-377-68 75,12-7 384 64 88,4-5 1 4 0,24-17 25 0-36,8-8 0 0 0,17-11-196 0-94,12-19 0 0 0,10-7 108 0-33,14-16 0 0 0,3-4 119 0 0,-36 30 0 0 0,1 1 1 0 0,-4-5-1 0 0,0 1 18 0 0,42-18 0 0 0,-12-5 32 0 0,5 12 1 0 0,-17 0 14 0 0,0 5 0 0 0,-14 17 0 0 0,-15 7 92 0 0,-5 0 0 0 0,-17 20-54 0 0,-8 4 1 0 0,-11 13 528 0 0,-19 17 0 0 0,-1 3-210 0 0,-17 8 1 0 0,-5 6-127 0 0,-6 0 0 0 0,-2 8-129 0 0,2-2 0 0 0,-1 1-159 0 0,-5-1 1 0 0,-2 4 111-315 0,8-4 0 315 0,2-6-172-239 0,10-6 0 239 0,9-8-99-56 0,9-9 0 56 0,9-9-85 0 0,2-3 81 0 0,9-5 0 0 0,11-9 85 0 0,4-4 1 0 0,11-6-44 0 0,13-6 1 0 0,5-11 93 0 0,6-13 1 0 0,7-5 15 0 0,11-7 0 0 0,3 3 47 0 0,9-8 0 0 0,0 2 11 0 10,0-3 1 0 0,-10 5 83 0 65,-8 8 0 0 1,-8 7-77 0-10,-10 5 0 0 1,-7 11 261 0 25,-5 6-271 0-62,-3 4 0 0 0,-12 12 312 0-6,-8 8 1 0 0,-16 7-1 0-21,-13 11 1 0 1,-7 9-45 0-4,-5 8 1 0 0,-4 2-269 0 0,-8 10 0 0 0,0-6 141 0 0,0 6 1 0 0,0-6-13-109 0,-1 5 1 109 0,9-9 27-542 0,4-1 0 542 0,12-9-368-355 0,5-10 1 355 0,6-7 90-122 0,6-5 1 122 0,7-5-228-45 0,10-6 0 45 0,13-4 63 0 0,12-8 0 0 0,11-8-14 0 0,6-4 0 0 0,10-14 113 0 2,2-9 0 0 1,6 0 60 0 99,-6-7 1 0 1,6 5 226 0 108,-6 2 0 0 0,-2-1-183 0-164,-10 1 1 0-1,2-1 108 0-46,-8 1 0 0 0,-7 8-15 0 0,-11 3 0 0 0,-5 10 569 0 0,-6 2-216 0 0,4 8 1 0 0,-24 4 49 0 0,-4 12 0 0 0,-16 14-133 0 0,-19 9 1 0 0,0 10-22 0 0,-12 14 0 0 0,-4 4-251 0 0,-2 8 1 0 0,-4 0 69 0 0,34-36 1 0 0,0 1 0 0 0,-34 34-62 0 0,4 1 1 0 0,4-6 134-68 0,8 0 1 68 0,4-16-274-380 0,8-2 0 380 0,9-15-364-251 0,20-9 142 109 0,4-3 0 142 0,20-14 151-67 0,12-12 0 67 0,15-20 38 0 0,26-21 0 0 0,2-14 43 0 0,-27 26 0 0 0,2-1 0 0 0,2 0 1 0 0,1 0 68 0 0,2-6 0 0 0,0 1 0 0 0,1 4 0 0 0,-1-1-28 0 0,-3 0 1 0 0,0 0 0 0 0,-2 1 0 0 0,1 1 41 0 0,1 0 0 0 0,0 1 1 0 0,31-30 94 0 0,-37 33 1 0 0,0 0 0 0 0,27-23-56 0 0,-12 1 1 0 0,-9 11 212 0 0,-9 14 0 0 0,-7 9-62 0 0,-11 8 0 0 0,-7 10 186 0 0,-4 2 0 0 0,-22 12 10 0 0,-13 18 1 0 0,-13 9-110 0 0,-11 20 1 0 0,-13 10-198 0 0,30-31 0 0 0,1 0 1 0 0,-3 2-1 0 0,-1 1-7 0 0,1 0 0 0 0,-1 0 1 0 0,-1 1-1 0 0,0 1 3 0 0,-4 7 1 0 0,-1 0-1 0 0,1-1 1 0 0,0 1 0 0 0,0 0 1 0 0,-1 0 0 0 0,3-1 0 0 0,0 0-98 0 0,-3-1 1 0 0,1-2 0 0 0,9-3-1 0 0,0-1 72 0 0,-4 3 1 0 0,1-2-1 0 0,-13 24-140 0 0,10-8 1 0 0,11-19-144-30 0,12-17 1 30 0,11-5 86-127 0,7-6 0 127 0,23-14 69-18 0,18-16 1 18 0,20-17 45 0 0,16-18 1 0 0,-36 22 0 0 0,1-1 7 0 0,8-6 0 0 0,0-1 0 0 0,-3-1 0 0 0,0-1-7 0 0,3-3 1 0 0,1 0 0 0 0,-4 2 0 0 0,0 1-5 0 0,3 0 0 0 0,0 0 0 0 0,-4 4 1 0 0,1 1 13 0 0,0 0 0 0 0,0 1 1 0 0,-5 3-1 0 0,-2 1-76 0 0,37-22 0 0 0,-6 2 376 0 23,-6 4 1 0 0,-14 6-96 0 46,-16 11 1 0 0,-9 11 718 0 59,-14 7-623 0-69,-5 8 1 0 1,-24 12-131 0-31,-13 15 0 0 0,-13 23 50 0-26,-16 7 0 0 1,-6 19 7 0-4,27-34 0 0 0,0 1 0 0 0,-2 3 0 0 0,-1 1-125 0 0,-3 0 0 0 0,-1 2 0 0 0,1 3 1 0 0,0 0-55 0 0,0 2 0 0 0,0 1 0 0 0,-3 0 1 0 0,-1 2-50 0 0,1 0 1 0 0,0 0 0 0 0,-1 0 0 0 0,1 0 62 0 0,3 0 0 0 0,0 0 1 0 0,3-1-1 0 0,1-2-99-26 0,1-2 0 26 0,2-1 0 0 0,5-5 0 0 0,1-2 30-440 0,-22 19 1 440 0,17-10 34-370 0,19-19-117 44 0,7-5 0 326 0,33-19-228-180 0,13-12 1 180 0,23-21 247 0 0,17-26 1 0 0,-35 20 0 0 0,1-3 6 0 0,7-5 0 0 0,2 0 0 0 0,2-3 0 0 0,0 1-19 0 0,3-1 1 0 0,1 0-1 0 0,4-5 1 0 0,1-1 65 0 0,-2 3 1 0 0,-2 0-1 0 0,2-5 1 0 0,-2 0 77 0 17,-4 7 1 0 0,-2 1-1 0-1,1-1 1 0 1,-1 0 11 0-9,-2 3 0 0-1,0 1 1 0 1,-2 2-1 0 0,-2 0 93 0-8,-4 2 1 0 0,-1 3-1 0 0,28-21-76 0 0,-16 8 1 0 0,-10 11 265 0 0,-14 13-216 0 0,-3-1 0 0 0,-24 26 233 0 0,-8 4 0 0 0,-29 20-112 0 0,-13 21 1 0 0,-20 20-155 0 0,33-30 1 0 0,-1 2 0 0 0,-8 6-1 0 0,-1 1-71 0 0,2 0 0 0 0,-2 2 0 0 0,-5 4 0 0 0,-2 0 13 0 0,-1 1 1 0 0,0 0 0 0 0,0 1-1 0 0,-1 0-29 0 0,-2 5 1 0 0,0 0 0 0 0,5-1-1 0 0,0 0 44 0 0,1 1 0 0 0,0 0 1 0 0,1 2-1 0 0,0-2-15 0 3,-1-2 0 0 0,-1-2 0 0 1,4-2 0 0-1,0-2-25 0 5,5-2 0 0 1,1-3 0 0-1,-21 29-37 0-8,14-11 0 0 0,19-22 47 0 0,11-13 1 0 0,14-15-1 0 0,22-8 1 0 0,19-28-172 0 0,28-13 0 0 0,-20 4 0 0 0,3-3 57 0 25,4-6 0 0 0,2-3 1 0 0,5 0-1 0 0,2-2-3 0 0,3-5 1 0 0,1 0 0 0 0,1-2-1 0 0,0-1 74 0 9,1 1 1 0 0,2-2 0 0 0,2-1-1 0 0,1 0-8 0-13,-4 4 1 0-1,0 2-1 0 1,-3 3 1 0 0,0 2 44 0-2,-6-1 1 0 0,0 1 0 0-1,-5 3 0 0 1,0 2 70 0 4,-1 0 1 0-1,0 1-1 0 1,-7 1 1 0-1,-2 1 189 0 17,33-17 0 0-1,-22 6-96 0-16,-14 17 1 0 0,-11 11 235 0-1,-13 7 1 0-1,-11 12-36 0-7,-12 6 1 0 0,-21 21-7 0-13,-26 26 1 0 0,-18 16-260 0 0,28-28 1 0 0,-2 1 0 0 0,-6 5 0 0 0,-1 2 23 0 0,-3 4 1 0 0,-2 0 0 0 0,1 1 0 0 0,0 0-78 0 0,3 5 1 0 0,0 0 0 0 0,-4 3 0 0 0,0 0-72 0 0,-2 3 1 0 0,0 0 0 0 0,-2 4 0 0 0,0-1-40 0 0,-1 0 1 0 0,0 0 0 0 0,0 4 0 0 0,1 2 40 0 0,-2-1 0 0 0,2 1 0 0 0,0 1 0 0 0,2-1-50-154 0,2-5 1 154 0,2-2 0 0 0,0 0 0 0 0,2-2 35-723 0,7-11 0 723 0,3-2 1 0 0,8-8-1 0 0,3-2-15-563 0,-9 23 1 563 0,14-23 27-343 0,15-13 0 343 0,16-17-18-315 0,19-12 0 315 0,28-32-64-52 0,26-21 0 52 0,-29 15 1 0 0,2-2 92 0 0,3-3 0 0 0,0-3 0 0 0,12-10 0 0 0,0-2-96 0 24,-1-1 1 0 1,2 0-1 0-1,7-1 1 0 0,1 0 57 0 22,-2 1 1 0 1,-2 0 0 0-1,-1 2-1 0 0,0-2 53 0-5,-4 0 0 0 1,-1 0 1 0 0,2 2-1 0 0,0 0-29 0-24,-1 4 1 0 1,0 0 0 0-1,-2 2 0 0 1,0 0-10 0-10,-6 3 1 0 0,-2 2-1 0-1,-6 3 1 0 1,-2 1 116 0-7,-8 9 0 0 0,-1 1 1 0 0,22-27 321 0-2,-12 12 1 0 0,-13 14-43 0 0,-17 15 0 0 0,-10 8-130 0 0,-8 10 0 0 0,-32 20 63 0 0,-21 15 0 0 0,-22 26-144 0 0,32-18 0 0 0,-2 3 1 0 0,-3 1-1 0 0,0 2-60 0 0,-5 3 0 0 0,-1 2 0 0 0,-2 5 0 0 0,-2 2-32 0 0,0 0 1 0 0,-2 2 0 0 0,-1 4 0 0 0,-1 2-71 0 0,-3-2 0 0 0,0 1 1 0 0,-1 4-1 0 0,0 2 41 0 0,21-26 0 0 0,0 1 0 0 0,0 1 0 0 0,-4 4 0 0 0,0 0 0 0 0,1 1-76 0 0,1 0 1 0 0,0 0 0 0 0,0 0 0 0 0,-1-1 0 0 0,1 0 0 0 0,0 0 42 0 0,3-3 0 0 0,1 0 0 0 0,0 0 0 0 0,-20 23 0 0 0,0-3-3-190 0,9-8 0 190 0,2-2 0 0 0,8-5 0 0 0,2-4-83-508 0,8-9 1 508 0,3-3-1 0 0,-10 23 77-282 0,11-22 0 282 0,20-19-199-188 8,16-11 1 188-1,24-28 121-164-7,29-24 1 164 0,-20 10 0 0 0,2-3-2-6 14,11-15 1 6-1,2-3-1 0 1,7-2 1 0 0,0-2 40 0 10,7-8 1 0-1,0-1 0 0 1,2-3 0 0 0,2 0-12 0-22,-24 19 1 0 0,1 0 0 0 0,1 0-1 0 1,2 0 1 0-1,0 2 0 0 0,1-1 53 0 38,2-1 1 0 1,0 0-1 0-1,0 0 1 0 1,-2 1 0 0-1,0 1-1 0 1,-1 0-8 0 24,-3 2 1 0 0,0 0-1 0 0,0-1 1 0 0,0 0-1 0 0,-1-1 1 0 0,0 1-19 0-43,2 0 1 0 0,-1 1-1 0 0,0 0 1 0 0,22-20-1 0 0,-1 0-27 0-18,2 3 1 0 1,-2 1 0 0-1,-8 6 0 0 1,-2 1 285 0-5,-9 6 0 0 0,-2 2 1 0 0,-2 6-1 0 0,-1 2 90 0 0,24-27 0 0 0,-13 14 53 0 0,-21 21 1 0 0,-9 6-116 0 0,-9 13 1 0 0,-12 7 86 0 0,-12 16 1 0 0,-28 19-215 0 0,-25 28 0 0 0,23-23 1 0 0,-2 3-23 0 0,-3 9 1 0 0,-1 4-1 0 0,-8 5 1 0 0,-2 2-54 0 0,-3 8 0 0 0,-2 2 0 0 0,14-19 0 0 0,-2 1 0 0 0,-1 1 22 0 0,-1 1 0 0 0,0 0 0 0 0,0 0 1 0 0,0 1-1 0 0,0 1 0 0 0,1-1-70 0 0,1-1 0 0 0,0 0 0 0 0,0 0 0 0 0,-1 4 0 0 0,0 1 0 0 0,0 0 2 0 0,-3 1 1 0 0,-1 0-1 0 0,2 0 1 0 0,1 0 0 0 0,0 1-1 0 0,1-2-42 0 0,1-2 0 0 0,-1-1 0 0 0,1-1 0 0 0,2-1 1 0 0,0-1-1 0 0,2-1 28 0 0,-13 18 0 0 0,1-3 1 0 0,3-5-1 0 0,2-2-46 0 0,8-7 1 0 0,3-4 0 0 0,-16 29 30 0 0,24-30 0 0 0,7-11 1 0 0,36-32-205 0 0,15-16 0 0 0,36-27 176 0 0,-21 3 0 0 0,1-5 0 0 0,4-4 0 0 0,2-3-38 0 0,10-10 0 0 0,2-1 1 0 0,1 0-1 0 0,2 0 34 0 0,7-6 1 0 0,1 0 0 0 0,-2 2 0 0 0,0 2-9 0 0,2 2 1 0 0,-1 0 0 0 0,-5 0 0 0 0,0 0 58 0 0,-3 6 1 0 0,-1 0-1 0 0,1-4 1 0 0,0 2 67 0 0,-3 7 1 0 0,0 2-1 0 0,-3-2 1 0 0,-2 1-52 0 0,-9 11 1 0 0,-2 1 0 0 0,0 2 0 0 0,-1 2 150 0 0,26-17 1 0 0,-14 9 218 0 0,-22 15-322 0 0,-8 1 1 0 0,-19 23 270 0 0,-8 0 1 0 0,-17 23 19 0 0,-19 19 1 0 0,-23 23-247 0 0,22-28 0 0 0,-2 2 0 0 0,-4 4 0 0 0,-1 1-39 0 0,-3 2 0 0 0,0 2 0 0 0,-5 4 0 0 0,0 2-61 0 0,-4 4 0 0 0,-1 2 0 0 0,-2 4 0 0 0,1 2-16 0 0,1 1 1 0 0,2 2-1 0 0,-5 0 1 0 0,0 1 52 0 0,1 1 0 0 0,0 0 0 0 0,-2 0 1 0 0,0-1 15 0 0,-2 2 1 0 0,2-2-1 0 0,10-10 1 0 0,2-2-13 0 0,3-4 0 0 0,3-2 0 0 0,9-10 0 0 0,3-2-224 0 0,-16 25 0 0 0,14-14-72 0 0,21-21 0 0 0,10-14-20 0 0,20-16 0 0 0,33-28 158 0 0,31-25 1 0 0,-26 16-1 0 0,2-5 54 0 0,4-9 1 0 0,0-4 0 0 0,6-4 0 0 0,0-4-16 0 8,2-4 0 0 1,1-1 0 0-1,3 1 0 0 0,2 2-47 0 37,-25 22 1 0 0,0-1 0 0 0,0 1 0 0 0,24-20-1 0 0,0 1 134 0 1,-1 0 0 0-1,-1 0 0 0 0,-4 0 0 0 1,0 0-76 0-41,-1 0 0 0 0,-1 0 0 0 1,-4 2 0 0-1,-2 2 150 0 8,-1 4 0 0 0,-2 2 0 0 0,-8 4 0 0 0,-2 3 65 0 17,-8 12 0 0 1,-3 2 0 0-1,20-20 140 0 11,-10 15 0 0 0,-17 15-80 0 5,-13 9 0 0 1,-11 12 204 0-30,-18 6 0 0-1,-23 27-235 0-16,-24 26 0 0 0,22-22 0 0 0,-3 3-67 0 0,-3 3 1 0 0,-2 2 0 0 0,-6 9 0 0 0,0 2-10 0 0,-5 5 0 0 0,0 2 0 0 0,-4 4 0 0 0,0 2 13 0 0,1-2 1 0 0,0 1 0 0 0,-5 3 0 0 0,-2 0-128 0 0,21-22 0 0 0,0 0 1 0 0,-1 0-1 0 0,0 3 1 0 0,-1 1-1 0 0,1 0 15 0 0,-1 1 1 0 0,-1 1 0 0 0,1 1 0 0 0,1-2 0 0 0,0 1 0 0 0,1-1-33 0 0,1-3 1 0 0,1 0 0 0 0,0 0 0 0 0,-21 25 0 0 0,2 0 8 0 0,8-8 1 0 0,2-1 0 0 0,2-1 0 0 0,2-2-96 0 0,8-13 1 0 0,3-2 0 0 0,-22 32-72-251 0,24-34 1 251 0,15-12-165-243 0,14-17 0 243 0,30-14 219-170 0,17-16 1 170 0,32-27 85 0 0,-27 3 0 0 0,2-5 1 0 0,7-2-1 0 0,0-2-113 0 0,4-7 1 0 0,0-2-1 0 0,5-6 1 0 0,2 0 28 0 25,1-2 1 0 0,1 0 0 0-1,1 1 0 0 1,0 2 32 0 26,-1 2 1 0 0,0 2 0 0 0,-5 4 0 0-1,0 2 105 0-24,-4 1 0 0-1,-1 1 1 0 1,-7 5-1 0-1,-1 2-43 0 2,-2 1 1 0-1,-2 1 0 0 1,-5 3 0 0 0,-1 1 94 0-27,25-25 0 0 0,-8 10 132 0 0,-16 20 238 0 0,-8 3 0 0 0,-29 20-208 0 0,-16 12 0 0 0,-23 22-14 0 0,-30 25 1 0 0,26-20 0 0 0,0 2-70 0 0,-5 6 0 0 0,-1 1 0 0 0,-3 5 1 0 0,0 0 29 0 0,-5 3 0 0 0,0 1 0 0 0,-3 0 1 0 0,2 2-62 0 0,1 0 1 0 0,-1 0 0 0 0,-4 3 0 0 0,0 2-89 0 0,5 0 1 0 0,0 2-1 0 0,-2 1 1 0 0,0 0 42 0 0,2 1 1 0 0,0 0 0 0 0,4-5 0 0 0,0 0-93 0 0,1-4 0 0 0,1 0 1 0 0,6-5-1 0 0,2-2-98 0 0,2-7 0 0 0,3-1 1 0 0,-19 27-55-264 0,18-24-16 43 0,7 0 1 221 0,20-29-75-166 0,8 0 1 166 0,26-26-5-19 0,21-15 0 19 0,18-21 165 0 0,-28 19 1 0 0,2-2-1 0 0,6-6 1 0 0,1-1 22 0 0,-2-4 0 0 0,0-1 0 0 0,5 1 0 0 0,1 0 49 0 3,-3-3 0 0 0,0 0 0 0 0,2 2 1 0 0,0 1 3 0 8,-4 2 1 0 0,-1 2-1 0 0,0 3 1 0-1,0 3 161 0 19,27-25 1 0 0,-6 12-161 0-6,-18 5 1 0 1,-12 15 298 0 0,-11 9 31 0-18,-4 8 0 0 1,-15 14 115 0-7,-10 8 0 0 0,-15 14-103 0 0,-21 15 1 0 0,-10 16 15 0 0,-8 2 0 0 0,-8 10-203 0 0,34-31 0 0 0,1 0 0 0 0,-2-1 1 0 0,-1-1 41 0 0,-1 2 0 0 0,1 1 0 0 0,-30 36-229 0 0,33-37 0 0 0,0 0 0 0 0,-25 35 80 0 0,-2 4 0 0 0,11-7-9 0 21,7-5 1 0 0,12-12-98 0 69,5-11 1 0 0,6-13-173 0 8,7-5 0 0 0,7-13 116-22-32,15-5 1 22-1,17-21-53-23-29,19-15 0 23 0,20-27 131 0-35,-29 20 1 0 1,1-3 0 0 0,2-1 0 0-1,2 0-27 0-1,1-1 0 0 0,1 1 0 0 0,3-1 0 0 0,2 0 28 0 0,-3 3 1 0 0,0 1 0 0 0,1 3-1 0 0,-1 1-38 0 0,23-25 1 0 0,-3 12 113 0 0,-14 6 0 0 0,-13 13 11 0 0,-5 11 193 0 0,-11 7 1 0 0,-7 14-24 0 7,-11 8 0 0-1,-20 9 190 0 3,-9 20 0 0 0,-17 7-95 0-7,-7 11 0 0-1,-10 2 34 0-1,-2 3 0 0 0,-6 5-146 0 0,6-4 1 0 0,1-2 4 0 0,4 2 1 0 0,9-10 28 0 0,4-2 0 0 0,11-8-95 0 0,7-9 0 0 0,11-15-347-107 0,6-3 1 107 0,8-12 59-125 0,10 0 1 125 0,12-14-18-20 0,23-10 1 20 0,2-13 42 0 0,16-11 1 0 0,4-11-6 0 0,1 6 1 0 0,-29 17 0 0 0,-1-1-2 0 0,31-22 0 0 0,1 4 84 0 0,-7 8 0 0 0,-6 3 123 0 0,-12 3 1 0 0,-3 9-11 0 0,-9 9 0 0 0,-7 1 201 0 0,-5 10-125 0 0,-11 0 1 0 0,-4 14 228 0 0,-8 4 1 0 0,-10 11-111 0 0,-8 7 1 0 0,-7 9 76 0 0,-11 3 0 0 0,-1 7-275 0 0,-4-2 0 0 0,1-2 112 0 0,-7 2 0 0 0,8-2-204 0 0,-2 3 0 0 0,3-5 55 0 0,3-8-97 0 42,7-7 26 0 6,11-3 1 0 0,13-19-223 0-9,16-12 1 0-1,15-13 47 0-13,20-23 1 0-1,4-1-91 0-20,2-4 1 0 0,1-8 28 0-4,-1 8 0 0 0,0-6 171 0 0,0 11 1 0 0,-8 1 173 0 0,-4 6 0 0 0,-3 3-111 0 0,-3 9 0 0 0,-13 1-228 0 0,-5 16 429 0 0,-3 0 0 0 0,-6 8 395 0 0,-8 4 1 0 0,-16 12-297 0 0,-13 11 0 0 0,-11 7-128 0 0,-1 5 0 0 0,-6 4 270 0 0,6 8 1 0 0,-9 0-85 0 0,3 0 0 0 0,4 1-327 0 0,2-1 1 0 0,5-8 102 0 0,7-4 1 0 0,5-11 165 0 0,13-7-327 0 0,3-11 0 0 0,17-6-314 0 2,9-12 1 0 0,16-14 173 0 4,13-15 1 0 0,10-6-11 0-6,2-7 1 0 0,13-9 29 0 0,-1 4 1 0 0,6-10 67 0 0,0 5 1 0 0,-7-5 159 0 0,1 10 0 0 0,-8-3-26 0 15,-10 15 1 0 1,-2-4 131 0-3,-4 10 0 0 1,-11 3-32 0-11,-13 14 305 0-3,-3 1-235 0 0,-10 7 0 0 0,-16 12 267 0 0,-12 16 0 0 0,-17 7-165 0 0,-1 11 1 0 0,-11 7-62 0 0,0 4 0 0 0,-4 10-19 0 0,-2 2 0 0 0,-6 6-93 0 0,0-6 0 0 0,2 4-153 0 0,10-10 1 0 0,6 2 164 0 0,11-14 1 0 0,6-7-184 0 0,13-11 33 0 0,3-11 1 0 0,29-6-233 0 0,9-12 1 0 0,23-14 62 0 0,6-15 0 0 0,10-10 165 0 0,7-14 1 0 0,-36 28 0 0 0,1 1-30 0 0,3-2 0 0 0,0-1 0 0 0,1-4 0 0 0,-1-1 63 0 0,0 3 1 0 0,0-1 0 0 0,1 0 0 0 0,-1 0-7 0 0,0 3 1 0 0,0 1-1 0 0,-2-2 1 0 0,-1 1 5 0 6,0 3 0 0-1,0 1 0 0 1,34-32-10 0 24,2 2 1 0 0,-6 6 13 0-26,-7 0 0 0 0,1 4 110 0-4,-12 13 0 0 0,-5 1 284 0 0,-19 17-309 0 0,-3-3 0 0 0,-17 21 260 0 0,-3 0 0 0 0,-21 17-30 0 0,-15 19 0 0 0,-13 9-145 0 0,-16 14 0 0 0,2 4-34 0 0,-8 8 1 0 0,0-1-19 0 0,30-34 0 0 0,-1-1 0 0 0,-32 36-48 0 0,3 0 0 0 0,0-2-164 0 0,12-5 1 0 0,0-5-150 0 0,17-11 0 0 0,7-13-25 0 0,17-12-1 0 0,4-11 0 0 0,26-14-7 0 0,11-15 0 0 0,15-17 4 0 0,15-13 0 0 0,3-12 184 0 0,9-6 1 0 0,-34 30 0 0 0,-1-1 6 0 0,2-2 1 0 0,1 0 0 0 0,33-29 50 0 0,-33 32 1 0 0,-1-1 0 0 0,-2 1-1 0 0,-1-1-11 0 0,30-34 0 0 0,-32 32 1 0 0,1 1 141 0 0,24-28 1 0 0,-6 6-65 0 0,-11 6 1 0 0,-6 10 449 0 0,-5 13-164 0 0,-13 5 0 0 0,-11 15 44 0 0,-12 4 0 0 0,-19 16-115 0 0,-16 13 1 0 0,-16 13 60 0 0,-8 17 0 0 0,-4 8-176 0 0,-2 4 1 0 0,33-31-1 0 0,-1 0-25 0 0,1 2 0 0 0,0-1 0 0 0,-4 4 0 0 0,-1 1 11 0 0,2 1 1 0 0,0 0 0 0 0,0 0 0 0 0,1-1 17 0 0,-2 1 1 0 0,2 1 0 0 0,3-2-1 0 0,1 2-254 0 0,0 3 0 0 0,1-1 1 0 0,-26 28-102 0 0,14-7 1 0 0,14-23 23 0 0,15-13 0 0 0,10-9 64 0 0,14-9 0 0 0,21-18-129 0 0,21-17 1 0 0,20-25 212 0 0,-24 17 0 0 0,1-1 0 0 0,3-4 1 0 0,0-3-61 0 0,5-3 0 0 0,0-2 0 0 0,1-3 0 0 0,-2 0-4 0 0,2-3 1 0 0,-1 1-1 0 0,0 1 1 0 0,0 0 32 0 0,0-1 0 0 0,0 0 1 0 0,-1 3-1 0 0,0 1 97 0 7,-1-1 1 0 0,-2 0 0 0 0,-1 0 0 0 0,-1 0 31 0 4,-5 2 1 0 1,-2 1-1 0 0,-2 3 1 0-1,-1 2 189 0 8,22-20 0 0 0,-8 2-16 0-15,-16 15 0 0 0,-13 11 654 0-4,-4 13-645 0 0,-12 0 0 0 0,-20 34 25 0 0,-16 8 1 0 0,-25 19-117 0 0,-9 22 1 0 0,27-30-1 0 0,-1 3-31 0 0,-3 5 0 0 0,-1 2 0 0 0,-3-1 1 0 0,0 1-71 0 0,4-1 0 0 0,-1 0 0 0 0,-6 3 0 0 0,0 0 60 0 0,3 0 0 0 0,1 1 0 0 0,-2 3 1 0 0,0 0 4 0 0,2-1 0 0 0,0 0 0 0 0,0 1 0 0 0,1-2-98 0 0,1-1 0 0 0,2-1 0 0 0,1-1 1 0 0,3 0-245 0 0,-23 31 0 0 0,10-16 221 0 0,19-14 51 0 0,13-16 1 0 0,28-17-234 0 0,25-20 1 0 0,19-29 144 0 0,-15 4 1 0 0,2-3-1 0 0,1-3 1 0 0,1-3-85 0 0,8-3 1 0 0,2-2 0 0 0,0-3 0 0 0,2 0 0 0 1,5-3 0 0-1,2 1 0 0 1,-1 1 0 0 0,0 0 8 0 9,0-1 1 0 1,0 0 0 0-1,-5 4 0 0 1,0 1 100 0-7,-4 1 0 0 0,0 0 0 0 0,-1 0 0 0 0,0-1 49 0-4,-4 4 0 0 0,-2 0 0 0 0,-2 5 1 0 0,-1 1-109 0 0,-4 2 0 0 0,-2 1 1 0 0,26-17-71 0 0,-10 8 0 0 0,-15 13 1330 0 0,-15 11-856 0 0,-11 7 1 0 0,-16 20 262 0 0,-19 7 1 0 0,-15 19-221 0 0,-21 17 0 0 0,-6 10-196 0 0,27-26 1 0 0,0 2-1 0 0,1 0 1 0 0,1 1-78 0 0,-2 1 1 0 0,-1 1 0 0 0,-1 4-1 0 0,0 2-103 0 0,-1-1 0 0 0,-1 0 0 0 0,-1 1 0 0 0,0 1 84 0 0,-1 1 0 0 0,-1 0 0 0 0,2-4 0 0 0,0 0-87 0 0,1 1 0 0 0,1 1 1 0 0,2-4-1 0 0,2 0-30 0 0,3-2 1 0 0,3-1 0 0 0,-20 22 53 0 0,15-16 1 0 0,17-22-349 0 5,13-7 0 0-1,10-16 59 0 8,13-8 1 0-1,17-22-51 0-11,31-25 1 0 0,5-8 236 0 0,-29 27 0 0 0,1-2 0 0 0,4-6 0 0 0,0-1-40 0 16,-2-1 1 0-1,1 0-1 0 0,4-3 1 0 1,0 1 81 0-7,-1 2 1 0 0,-2 0 0 0 0,-2 1 0 0 0,-1-1 0 0-9,-4 3 0 0 0,-1 0 1 0 0,-2-2-1 0 0,0 1 65 0 0,0 3 1 0 0,-1 2-1 0 0,32-32-178 0 0,-8 10 1 0 0,-8 8 346 0 0,-16 9 1 0 0,-13 9 467 0 0,-4 15-192 0 0,-12 9 1 0 0,-16 10-172 0 0,-20 17 1 0 0,-17 18 16 0 0,-12 17 1 0 0,22-21 0 0 0,-1 2-166 0 0,0 4 0 0 0,0 1 1 0 0,-1 2-1 0 0,1 1-4 0 0,0-4 1 0 0,-1 0 0 0 0,-1 7-1 0 0,0 1 5 0 0,-2-2 1 0 0,1 0 0 0 0,1 3 0 0 0,0 1-4 0 0,-2-1 0 0 0,1 0 0 0 0,4-5 0 0 0,1 0-112 0 0,1 3 1 0 0,0-1 0 0 0,-26 25-11 0 0,13-4 0 0 0,15-18-120 0 0,15-12 0 0 0,11-9 12 0 0,12-14 0 0 0,29-16-198 0 0,19-20 1 0 0,22-13 201 0 0,-32 9 1 0 0,2-3 0 0 0,4-4-1 0 0,0-1-82 0 0,7-5 1 0 0,0-1 0 0 0,-2 2-1 0 0,1 0 109 0 0,1-2 0 0 0,0 1 1 0 0,-3 4-1 0 0,0-1 5 0 0,-3 0 0 0 0,0 0 0 0 0,-2 4 1 0 0,-2 1-50 0 8,-4 0 1 0 0,-1 1 0 0-1,36-25 54 0 25,-13-2 0 0-1,-5 12 162 0-13,-11 6 0 0-1,-13 11 279 0-9,-11 7 145 0-8,-13 11 1 0 0,-15 8-229 0 0,-19 16 1 0 0,-15 19 138 0 0,-21 28 1 0 0,-11 6-278 0 0,29-24 1 0 0,-1 1-1 0 0,-1-1 1 0 0,0 0-19 0 0,-2 3 1 0 0,1 1 0 0 0,3-1-1 0 0,0 2-78 0 0,-1 1 0 0 0,1 0 0 0 0,1-1 0 0 0,-1 1 10 0 0,0 3 1 0 0,0 0-1 0 0,-1-2 1 0 0,1 0-88 0 0,5 0 1 0 0,2-1-1 0 0,0-3 1 0 0,1-2-6 0 0,-20 29 1 0 0,17-18-408 0 0,13-12 262 0 0,11-11 1 0 0,30-20-175 0 10,11-5 0 0 1,22-26-41 0 39,20-15 0 0 1,10-19 262 0-40,-35 24 0 0 1,2-2 1 0-1,-2-2-1 0 1,0-1 8 0-10,4-2 0 0 0,1-1 1 0-1,-2 2-1 0 1,0-1 10 0 4,1-3 0 0-1,0 0 0 0 1,-5 7 1 0 0,-1 1-22 0 4,-5 0 1 0-1,-2 1 0 0 1,30-25 26 0 1,-2 4 1 0 0,-18 10 168 0-8,-6 7 0 0-1,-11 5 149 0-2,-12 13 199 0 0,-9-3 1 0 0,-13 23 25 0 0,-19 4 1 0 0,-12 13-203 0 0,-19 22 0 0 0,-7 7 25 0 0,-3 11 1 0 0,-5-2-61 0 0,-2 8 0 0 0,6-3-45 0 0,0 3 0 0 0,8 2-42 0 0,-2-8 1 0 0,14 4-188 0 0,10-10 0 0 0,9-10 72 0 0,14-13 1 0 0,6-16-262 0 0,12-3 0 0 0,22-11-111 0 0,19-11 0 0 0,16-17 244 0 0,20-19 1 0 0,-42 18-1 0 0,2-1-4 0 0,7-2 0 0 0,0-1 1 0 0,0-1-1 0 0,-1-1 19 0 0,1 0 0 0 0,0-1 0 0 0,1 1 0 0 0,0 0-34 0 0,-3-1 1 0 0,-2 1 0 0 0,-2 3 0 0 0,-1 1 28 0 0,34-28 0 0 0,-7 12 114 0 0,-5 6 1 0 0,-14 5-10 0 0,-15 7 0 0 0,-11 9 271 0 0,-13 8 1 0 0,-6 8 282 0 0,-12-2 0 0 0,-12 20-263 0 0,-11 10 0 0 0,-10 9-46 0 0,-3 8 1 0 0,-11-1-50 0 0,6 7 1 0 0,-6 0 43 0 0,12 6 1 0 0,1-8-182 0 0,11-3 0 0 0,11-11-458 0 0,12-1 1 0 0,6-15 190 0 0,6 3 0 0 0,14-14-120 0 0,15-4 1 0 0,16-16 33 0 0,14-13 1 0 0,4-5 138 0 0,2-1 1 0 0,2 0 31 0 0,3-1 1 0 0,1 3-35 0 0,0 3 1 0 0,-1 5 45 0 14,-11 7 1 0-1,-2 8 52 0-3,2 4 1 0 1,-16 4 161 0-5,-2 2 0 0 0,-9 16-70 0 6,-9 8 1 0-1,2 7 204 0 13,-7 5 1 0-1,-6 5-429 0 22,-6 0 0 0 0,5 2 208 0-45,7-1 0 0 0,7-5 0 0 0,-3 6 0 0 0</inkml:trace>
</inkml:ink>
</file>

<file path=ppt/ink/ink6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1-06-08T08:56:56.523"/>
    </inkml:context>
    <inkml:brush xml:id="br0">
      <inkml:brushProperty name="width" value="0.1" units="cm"/>
      <inkml:brushProperty name="height" value="0.6" units="cm"/>
      <inkml:brushProperty name="color" value="#66CC00"/>
      <inkml:brushProperty name="inkEffects" value="pencil"/>
    </inkml:brush>
  </inkml:definitions>
  <inkml:trace contextRef="#ctx0" brushRef="#br0">213 592 12744 227681 39022,'-18'-6'0'0'0,"1"0"0"0"0,-1-5-229 0 0,0 5 0 0 0,-5 0-710 0 0,-1 6 734 0 0,0 0 0 0 0,7 0 207 0 0,-1 0 1 0 0,6 0-231 0 0,1 0 332 0 0,7 0-222 0 0,-4 0 0 0 0,10 0 62 0 0,4 0 0 0 0,5-8 35 0 0,13-4 1 0 0,-4-4 10 0 0,3-1 1 0 0,3-1-12 0 0,-3 0 1 0 0,1 1-32 0 0,-6-1 26 0 0,7 0 1 0 0,-5 3 236 0 0,3 3 0 0 0,-9 2-10 0 0,-2 4-159 0 0,-8 4 0 0 0,4 2-6 0 0,-8 12 0 0 0,-8 9 9 0 0,-4 3 1 0 0,-4 6 36 0 0,-1-7 0 0 0,-1 3 3 0 0,0-3 0 0 0,7-9-292 0 0,-1 4 241 0 0,8-5 0 0 0,-2-3-180 0 0,12-4 1 0 0,11-8 156 0 0,13-10 1 0 0,9-1-92 0 0,3-17 0 0 0,7 1 61 0 0,-2-7 0 0 0,-2 3 1 0 0,2 3 0 0 0,-7-1 14 0 0,1 7 1 0 0,-4-5 5 0 0,-1 5 1 0 0,-9 3 29 0 0,-3 9-50 0 0,-5-4 289 0 0,-9 14-215 0 0,-2-6 0 0 0,-22 16 13 0 0,-3 4 1 0 0,-19 12-29 0 0,1 5 1 0 0,-6 6 3 0 0,-1 7 1 0 0,-3-3-22 0 0,-8 8 0 0 0,0-6-6 0 0,0 7 0 0 0,8-9-19 0 0,3 2 1 0 0,7-5 36 0 0,5-7 1 0 0,5-5-196 0 0,7-12 170 0 0,8 3 0 0 0,6-13-156 0 0,16 4 0 0 0,8-6 135 0 0,15-6 0 0 0,9-10-2 0 0,3-7 1 0 0,4-9 5 0 0,2 3 1 0 0,6-6 4 0 0,0-7 0 0 0,6 5-8 0 0,-6-4 0 0 0,0 3 4 0 0,-6 3 0 0 0,-8-4 49 0 0,-4 3 0 0 0,1-1-43 0 0,-7 13 1 0 0,-4 1 152 0 0,-13 5 1 0 0,-2 6-127 0 0,-4 0-7 0 0,3 8 0 0 0,-21-3 62 0 0,1 7 1 0 0,-17 15 109 0 0,-8 9 1 0 0,-5 7-128 0 0,-6 5 1 0 0,-4 7 13 0 0,-9 4 1 0 0,-5 6-182 0 0,1 6 0 0 0,-5-6 93 0 0,10 0 1 0 0,-3-1-63 0 0,15-11 0 0 0,2-2-58 0 0,9-9-15 0 0,5 3 55 0 0,15-13 0 0 0,6-3-3 0 0,16-11 0 0 0,10-8 58 0 0,19-9 1 0 0,10-9-13 0 0,8-16 1 0 0,8-5 38 0 0,-2 0 0 0 0,3-8-40 0 0,3 2 0 0 0,-2 1 57 0 0,-4-1 1 0 0,-4 6 8 0 0,-8-6 0 0 0,-2 9 10 0 0,-4 3 0 0 0,-6 2 13 0 0,-11 9 0 0 0,-5 2 256 0 0,-7 11 65 0 0,-8-5-334 0 0,-2 14 1 0 0,-12-4-24 0 0,-8 12 1 0 0,-8 6 52 0 0,-15 11 0 0 0,-8 5 16 0 0,-4 7 0 0 0,-3 6-85 0 0,3 1 0 0 0,-4 5-219 0 0,4-6 0 0 0,0 0 150 0 0,6-5 1 0 0,1-3-20 0 0,17-3 1 0 0,-1-5-77 0 0,6-7 0 0 0,9-6 78 0 0,3 0 1 0 0,6-8 79 0 0,6 1 1 0 0,5-10-47 0 0,13-7 0 0 0,11-6 102 0 0,12-6 1 0 0,7-5-52 0 0,5-12 1 0 0,3 1 8 0 0,9-7 1 0 0,-2 8 8 0 0,-4-2 0 0 0,2 1 12 0 0,-8-1 1 0 0,-6 10 18 0 0,-6-5 1 0 0,-10 13 4 0 0,-1-1 0 0 0,-11 10 39 0 0,-13 2 0 0 0,-2 8-1 0 0,-4-1 0 0 0,-6 3 156 0 0,0 2 1 0 0,-16 9-170 0 0,-13 9 1 0 0,-13 10 11 0 0,-5 13 1 0 0,-10 4-55 0 0,-2 8 1 0 0,-6 0-11 0 0,6 0 0 0 0,0-1-87 0 0,6-5 0 0 0,2 0 128 0 0,4-12 1 0 0,12 3 28 0 0,11-15-92 0 0,4 1-334 0 0,10-7 1 0 0,12-7 124 0 0,16-4 1 0 0,10-20 170 0 0,13-9 1 0 0,12-9 36 0 0,12-3 1 0 0,4-6 2 0 0,1-1 1 0 0,1-7 54 0 0,0 2 1 0 0,-2 2-92 0 0,-4-2 0 0 0,1 7 100 0 0,-7-1 0 0 0,-7 6-63 0 0,-11 5 0 0 0,-6 5 92 0 0,-5 7 0 0 0,-5 2 83 0 0,-7 4 291 0 0,-8-3-428 0 0,-2 13 0 0 0,-24 4 8 0 0,-8 15 1 0 0,-9 5-105 0 0,-8 13 0 0 0,-3-1 115 0 0,-3 13 0 0 0,-8-2-175 0 0,8 2 0 0 0,-8 3 99 0 0,8-9 0 0 0,5 0-120 0 0,7-5 0 0 0,4-9 56 0 0,13-3 0 0 0,-2-5-188 0 0,14-1 0 0 0,2-8 197 0 0,10-4 1 0 0,12-12-11 0 0,12-6 1 0 0,19-14 106 0 0,10-9 1 0 0,4-2-100 0 0,7-10 1 0 0,3 1 138 0 0,10-1 1 0 0,-40 22 0 0 0,0-1-123 0 0,40-21 1 0 0,-5 4 90 0 0,-1 1 1 0 0,-6 5-48 0 0,-6 2 1 0 0,-12 7 23 0 0,-12 5 1 0 0,-6 5 66 0 0,-5 6 0 0 0,-10 4 322 0 0,-9 8-373 0 0,-7 0 0 0 0,-12 8 7 0 0,-15 4 0 0 0,-11 11 275 0 0,-7 7 0 0 0,-6 11-107 0 0,-12 6 0 0 0,2 4-146 0 0,-8 3 1 0 0,0-1-25 0 0,-6 0 1 0 0,14-2-127 0 0,4-4 1 0 0,12-4 43 0 0,0-7 1 0 0,13-9-218 0 0,11-3 0 0 0,7-5-59 0 0,10-1 0 0 0,4-8 181 0 0,7-4 0 0 0,11-12 152 0 0,19-6 1 0 0,10-17-106 0 0,8-7 0 0 0,10-5-8 0 0,2 0 1 0 0,2-5 87 0 0,9-7 0 0 0,-7 0 186 0 0,2 0 0 0 0,-5 6-152 0 0,-1 0 1 0 0,-8 13 150 0 0,-4-1 0 0 0,-12 6 5 0 0,-5-1 0 0 0,-13 7-13 0 0,-5 11 21 0 0,-5 4-127 0 0,-9 8 1 0 0,-12 8 79 0 0,-16 4 1 0 0,-15 13-101 0 0,-14 10 1 0 0,-6 9 11 0 0,-6 9 0 0 0,8-6-59 0 0,-8 0 0 0 0,13 0-16 0 0,-7 6 0 0 0,12-7-173 0 0,0-5 0 0 0,11-10 134 0 0,7-1 0 0 0,11-14-197 0 0,6 1 0 0 0,6-11 136 0 0,6 0 1 0 0,14-8 61 0 0,15-10 1 0 0,10-3-15 0 0,14-21 0 0 0,4 3-30 0 0,8-14 1 0 0,6 5 82 0 0,-1-5 1 0 0,7 0 159 0 0,-7-6 1 0 0,7 6-33 0 0,-6 0 0 0 0,-9 7-125 0 0,-9-1 1 0 0,-4 6 228 0 0,-1 5 0 0 0,-11 4-121 0 0,-8 9 0 0 0,-7 7 251 0 0,-11 4-219 0 0,-7-4 1 0 0,-4 10 23 0 0,-12 0 1 0 0,-13 16-51 0 0,-17 13 0 0 0,-7 13 13 0 0,-10 5 1 0 0,-6 4-165 0 0,0 2 0 0 0,-2 0 143 0 0,2 0 0 0 0,4 0-251 0 0,-4 0 0 0 0,8-7 137 0 0,10-5 1 0 0,7-10-450 0 0,16-1 313 0 0,9-9 1 0 0,3-3 107 0 0,12-12 1 0 0,13-6-37 0 0,17-6 1 0 0,15-12-6 0 0,14-11 1 0 0,5-10 153 0 0,7-3 0 0 0,4-7-85 0 0,-37 26 0 0 0,0-1 0 0 0,0-1 0 0 0,1-1 89 0 0,-1 0 0 0 0,0-1 0 0 0,0 0 0 0 0,-1 1-96 0 0,39-27 1 0 0,-9 7 241 0 0,-8 5 0 0 0,-10 6-121 0 0,-2 5 1 0 0,-10 5-23 0 0,-13 7 155 0 0,-5 0 67 0 0,-15 9 0 0 0,-12 9-129 0 0,-16 11 0 0 0,-17 19-62 0 0,-18 5 0 0 0,-2 14-172 0 0,-10 4 1 0 0,-6 1 177 0 0,-5 5 0 0 0,3-2-186 0 0,2 1 1 0 0,18-8 73 0 0,-6 3 0 0 0,16-12 33 0 0,1 0 1 0 0,15-11-151 0 0,9-7 0 0 0,2-9-191 0 0,11-2 0 0 0,7-8 113 0 0,9 2 0 0 0,21-14 139 0 0,9-10 0 0 0,18-13 73 0 0,12-11 0 0 0,2-5-90 0 0,9 6 1 0 0,1-8 143 0 0,-39 25 0 0 0,0 1 0 0 0,37-26-37 0 0,-5 1 0 0 0,-5 3 17 0 0,-6 4 1 0 0,-6 9-61 0 0,-12-3 0 0 0,-6 6 24 0 0,-11-1 1 0 0,-6 10 679 0 0,-13 9-267 0 0,5 7 1 0 0,-26-4-219 0 0,-7 8 1 0 0,-11 10-108 0 0,-19 7 0 0 0,-2 17-129 0 0,-10 13 0 0 0,-4 4 89 0 0,-8 2 0 0 0,0 0-119 0 0,1 0 1 0 0,7 0 103 0 0,4 0 1 0 0,11-1-139 0 0,7-5 0 0 0,12-12-169 0 0,5-11 0 0 0,12-5 81 0 0,6-1 0 0 0,20-8-16 0 0,10-4 1 0 0,25-14 114 0 0,16-10 1 0 0,8-15 102 0 0,-30 10 1 0 0,2-1 0 0 0,1-2 0 0 0,0 0-5 0 0,7 0 0 0 0,1-1 0 0 0,-2 1 0 0 0,0-1-2 0 0,-2 1 1 0 0,0-1 0 0 0,-1 1 0 0 0,-2-1-12 0 0,-2 1 1 0 0,-1-1 0 0 0,0 1-1 0 0,0 1 9 0 0,1 1 0 0 0,-1 1 0 0 0,30-26 243 0 0,-3 7 0 0 0,-20 7-154 0 0,-4 6 1 0 0,-15 9 192 0 0,-9 2 1 0 0,-11 6-55 0 0,-6 6 0 0 0,-6 6-65 0 0,-6 0 0 0 0,-13 16-146 0 0,-17 14 1 0 0,-9 11 20 0 0,-14 6 1 0 0,-8 8 17 0 0,26-23 1 0 0,0 1 0 0 0,2-1 0 0 0,1 1 6 0 0,-6 5 0 0 0,0 1 1 0 0,5-6-1 0 0,1 0-216 0 0,-1 0 1 0 0,1-1 0 0 0,-27 23-99 0 0,6-2 0 0 0,18-7-32 0 0,6-11 0 0 0,17-7-153 0 0,0-5 298 0 0,12-3 0 0 0,14-10 133 0 0,16-5 0 0 0,17-18-10 0 0,12-11 0 0 0,16-9-8 0 0,14-9 0 0 0,-37 20 0 0 0,2-3 64 0 0,2-4 1 0 0,0-1-1 0 0,-1 3 1 0 0,0-1-28 0 0,2-1 0 0 0,-1-1 1 0 0,-4 3-1 0 0,0-1-21 0 0,1 2 1 0 0,0-1 0 0 0,-1 1 0 0 0,-1 1 101 0 0,0 2 1 0 0,-2-1-1 0 0,36-25-83 0 0,-8 7 1 0 0,-16 7 39 0 0,-14 6 448 0 0,-4 7 658 80 0,-9-4-926 10 0,-10 17 1-90 0,-26 5-260 33 0,-16 15 1-33 0,-15 5 51 0 0,-8 20 0 0 0,-12-3 120 0 0,-6 14 0 0 0,-10 6-214 0 0,-2 6 1 0 0,39-26 0 0 0,0-1 99 0 0,-33 27 0 0 0,8 6-249 0 0,4-6 1 0 0,8-2-48 0 0,10-10 1 0 0,7-6 19 0 0,17-11 0 0 0,7 1 120 0 0,4-7 0 0 0,14-8 45 0 102,9-11 1 0 1,19-6-12 0-6,17-11 1 0 1,12-10 27 0-91,17-19 1 0 0,-37 19 0 0 0,1-1 84 0-7,6-4 1 0 0,2 1-1 0 0,-1-1 1 0 0,0 0-65 0 0,0 1 0 0 0,0-1 1 0 0,-2 0-1 0 0,-1-1 84 0 0,0-1 1 0 0,0-1 0 0 0,-5 6 0 0 0,0-1 29 0 0,0-1 1 0 0,-1-1 0 0 0,34-20-6 116 0,-13 0 0-116 0,-14 6 91 105 0,-15 11 1-105 0,-9 6 245 38 0,-9 13 0-38 0,-10-3-268 4 0,-8 8 0-4 0,-12 2-52 0 0,-18 10 1 0 0,-15 14-1 0 0,-20 15 1 0 0,-3 8 54 0 0,-3 10 0 0 0,-8 4-170 0 0,38-25 0 0 0,0 1 0 0 0,-3-1 0 0 0,1 1 6 0 0,-1 5 1 0 0,0 1 0 0 0,3-5 0 0 0,1-1-92 0 0,1-1 1 0 0,1 0-1 0 0,-26 31-17 0 0,5 2 0 0 0,19-12-134 0 0,11-11 1 0 0,9-13 133 0 0,8-5 0 0 0,8-7 44 0 0,16-5 0 0 0,16-8-11 0 0,19-16 0 0 0,18-3-7 0 0,5-21 0 0 0,15 1 142 0 0,-41 9 1 0 0,0-1 0 0 0,1 2 0 0 0,1 1-7 0 0,4-6 0 0 0,0 1 0 0 0,-4 1 0 0 0,1 1-15 0 0,0 0 0 0 0,0 0 0 0 0,-2 1 1 0 0,-2-1 16 0 0,40-26 0 0 0,-6 2 8 0 0,-13 4 0 0 0,-12 6 226 235 0,-17 11 1-235 0,-9 5-48 238 0,-15 7-8-13 0,-3 8 1-225 0,-26 2-152 96 0,-11 8 1-96 0,-16 18-57 0 0,-20 12 0 0 0,-10 17 10 0 0,28-19 1 0 0,0 3-1 0 0,1 2 1 0 0,1 2-2 0 0,-1 1 1 0 0,-2-1-1 0 0,-1 1 1 0 0,0 1-14 0 0,-1 4 0 0 0,0 1 0 0 0,-2-1 0 0 0,-1 0-11 0 0,0 3 0 0 0,0 1 0 0 0,5-3 1 0 0,2 0-98 0 0,4-3 1 0 0,1-1 0 0 0,-28 31 50 0 0,22-16 0 0 0,14-14-269 0 0,15-4 283 0 0,8-11 1 0 0,28-6-109 0 0,12-13 1 0 0,21-18 111 0 0,19-11 0 0 0,17-17 20 0 0,-38 15 0 0 0,2-1 0 0 0,5 0 0 0 0,0-1 10 0 0,3-5 1 0 0,0 1-1 0 0,-1 2 1 0 0,0 1 5 0 0,1-3 0 0 0,0-1 1 0 0,-4 2-1 0 0,0-1-25 0 0,2 0 1 0 0,-2-1-1 0 0,-8 3 1 0 0,-1-1-10 0 20,36-22 0 0-1,-11 2 256 0 33,-12 4 0 0 0,-10 12-65 0-43,-19 11 1 0 0,-7 4 374 0-9,-11 3 1 0 0,-6 7-192 0 0,-12 4 0 0 0,-16 14-143 0 0,-19 9 0 0 0,-6 11-103 0 0,-18 13 1 0 0,-2 10-136 0 0,-10 8 0 0 0,40-25 0 0 0,0-1-59 0 0,-5 0 1 0 0,1-1 0 0 0,-28 31 34 0 0,-1 2 1 0 0,13-14 141 0 0,4 2 0 0 0,17-14-60 0 0,18-3 1 0 0,9-3-460 0 0,9-9 1 0 0,17-9 187 0 0,13-9 0 0 0,27-14 169 0 0,19-9 0 0 0,11-17 75 0 0,-40 11 1 0 0,0-1-1 0 0,2 1 1 0 0,1 1 8 0 0,3-2 0 0 0,0 1 0 0 0,-4 3 0 0 0,0 0-68 0 0,-1 0 0 0 0,-2-1 1 0 0,39-18 11 0 3,-2-2 0 0 0,-17 11 18 0 45,-1 1 0 0-1,-16 3 28 0 7,-7 8 0 0-1,-13 5-447 0 39,-5 13 280 0-51,-12 0 0 0 0,-7 15-305 0-3,-10 9 491 0-38,3 7 0 0 0,-14 13 0 0 0,6 1 0 0 0</inkml:trace>
</inkml:ink>
</file>

<file path=ppt/ink/ink6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1-06-08T08:56:58.323"/>
    </inkml:context>
    <inkml:brush xml:id="br0">
      <inkml:brushProperty name="width" value="0.1" units="cm"/>
      <inkml:brushProperty name="height" value="0.6" units="cm"/>
      <inkml:brushProperty name="color" value="#66CC00"/>
      <inkml:brushProperty name="inkEffects" value="pencil"/>
    </inkml:brush>
  </inkml:definitions>
  <inkml:trace contextRef="#ctx0" brushRef="#br0">387 89 12457 223642 44295,'0'-18'0'0'0,"6"1"-16"0"0,0-1 0 0 0,0 6 48 0 90,-6 0 399 0-35,0 8-169 0-54,-8-4 0 0 0,-2 8-418 0-1,-7 0 1 0 0,-9 16 18 0 0,-3 8 0 0 0,-5 7-29 0 0,-1 5 1 0 0,-1 1 230 0 5,1 4 0 0-1,0-1 69 0 66,-1 7 0 0 1,3-8-212 0 10,3 2 0 0 0,11-11-304 0-11,7-7 0 0 1,8-3 64 0-13,-2-2 0 0 0,6-8 103 0-13,6-5 1 0 0,6-3 204 0-25,11-2 0 0-1,7-7-79 0-19,11-5 0 0 0,6-6 62 0 0,12-6 0 0 0,4-3-45 0 0,8-8 1 0 0,-2-1-7 0 10,-4 1 0 0 0,-6 5 61 0 51,-12 1 0 0-1,0 7 222 0 71,-12-1 246 0-3,5 3-168 0-17,-21 10-31 0-80,-1 2 1 0-1,-20 18-47 0-25,-16 8 0 0 1,-9 9-48 0-6,-14 15 0 0 0,-7 3-147 0 0,-11 8 1 0 0,4 0 22 0 0,-4 0 1 0 0,4 0 69 0 0,2 0 1 0 0,8-2 12 0 0,4-4 1 0 0,11-5-468 0 0,7-13 0 0 0,11-3 165 0 0,6-9 0 0 0,6-7-110 0 0,6-4 1 0 0,6-4 49 0 0,11-2 0 0 0,13-8 150 0 0,11-3 0 0 0,10-13 58 0 0,2-6 1 0 0,6-3-3 0 0,-6-2 1 0 0,0-1-54 0 0,-6 1 0 0 0,0 5-4 0 0,0 1 0 0 0,-10 7 278 0 11,-7-1 1 0 1,-9 5 81 0 20,-9 6 321 0-29,-8-4-158 0-3,-3 15-148 0 0,-38 24 1 0 0,5 3-144 0 0,-27 27 1 0 0,4-4-77 0 0,-4 4 1 0 0,-8 2 2 0 0,-4 4 0 0 0,4-2-143 0 0,2 8 0 0 0,0-8-7 0 0,6 2 1 0 0,4-6 81 0 0,14-6 1 0 0,9-6-669 0 0,9-11 453 0 0,7-5 0 0 0,24-15-65 0 0,3-4 0 0 0,21-6 125 0 6,3-6 0 0 1,14-10 64 0 70,4-7 1 0 0,6-9 22 0 1,-6 3 1 0 0,6-4 124 0-7,-6-3 0 0 0,-2 7-158 0-15,-10-1 0 0 0,-4 9-33 0 13,-8-3 550 0-57,-7 4 0 0 0,-5 9-171 0-12,-11-1 1 0 1,-6 10-132 0-1,-12 2 1 0 0,-13 15 133 0 0,-17 15 1 0 0,-1 5 225 0 0,-10 7 1 0 0,-6 3-313 0 0,-6 8 0 0 0,-2 6-226 0 0,2 0 1 0 0,4 6-7 0 0,-4-6 0 0 0,0 6 109 0 0,6-6 1 0 0,6-2-385 0 0,17-10 1 0 0,6-4 130 0 0,13-8 0 0 0,3-7-179 0 0,8-5 0 0 0,16-11 100 0 0,7-6 0 0 0,16-4 95 0 0,9-2 1 0 0,11-10 179 0 29,5-7 1 0 0,3-3 22 0-29,-2-10 0 0 0,4 1 0 0 0,-4-6 0 0 0,-6 5 0 0 0,-6 1 0 0 0,-10 9-4 0 168,-13 2 143 0-1,-5 1 354 0-167,-7 15 1 0 0,-24-2-131 0 0,-12 15 0 0 0,-13 11-2 0 0,-10 19 1 0 0,-5 5-200 0 0,-7 7 0 0 0,-2 0-170 0 0,-4 0 1 0 0,4 6-116 0 0,-4 0 1 0 0,-2 6 94 0 0,2-6 0 0 0,8-2-103 0 0,10-10 1 0 0,11 2 91 0 0,7-8 0 0 0,11-7-351 0 0,6-11 0 0 0,12-5 78 0 0,6-6 0 0 0,13 1 15 0 0,11-7 1 0 0,1 0 148 0 0,10-6 1 0 0,0-6 135 0 49,7 0 1 0-1,-3-7 101 0 17,-4 1 1 0 0,2 2-138 0-7,-8-2 0 0 0,-1 8 177 0-10,-11-2 0 0 0,-3 5-38 0-11,-9 1 0 0 0,-7 1 356 0-12,-4 5 1 0 0,-8 6-86 0-11,-10 12 0 0 0,-7 9 38 0-5,-17 8 1 0-1,-7 15-216 0-6,-4-3 1 0 0,-4 6-170-286-2,-2 0 0 286 0,2 1-266-508 0,3 5 0 508 0,-1 8 139-417 0,8-8 1 417 0,2 2-50-336 0,9-8 1 336 0,5-4 51-233 0,7 4 1 233 0,8-10-237-138 0,4-2 1 138 0,4-2 41-118 0,2 2 0 118 0,10-3 15-56 0,8-9 1 56 0,1-1 186-6 34,11-5 0 6-1,1 2 148 0 32,11-7 1 0 0,-7 6 37 0 10,0-7 1 0 0,1 7-113-17 7,-7-7 1 17 0,-3 9 114-178-3,-3-3 0 178 1,-9 10 11-340-1,-2 3 1 340 0,-8 7 95-571-4,2-2 1 571-1,-6 6-99-692-8,-6 6 0 692 0,-4 4-27-811 11,-8 8-72 256-77,-7 7 0 555 0,-3 11 0 0 0,11-40 0 0 0,-1 0 0 0 0</inkml:trace>
</inkml:ink>
</file>

<file path=ppt/ink/ink6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6:22.205"/>
    </inkml:context>
    <inkml:brush xml:id="br0">
      <inkml:brushProperty name="width" value="0.1" units="cm"/>
      <inkml:brushProperty name="height" value="0.1" units="cm"/>
      <inkml:brushProperty name="color" value="#AB008B"/>
    </inkml:brush>
  </inkml:definitions>
  <inkml:trace contextRef="#ctx0" brushRef="#br0">0 1 20180,'0'10'531,"0"2"1,0 1 0,0 2 140,0 2 1,0 0-646,0 4 1,0 5-297,0 2 1,0-2-163,0-1 0,0 0 304,0 0 1,0 4-88,0-1 0,0 3 94,0 1 1,0 0 77,0 3 1,0-1-110,0 5 0,0 0 74,0 3 0,0 5 394,0 2 1,0 0 33,0 4 1,0-1-132,0 7 0,0-2-129,0 2 0,0 1 6,0 3 1,0 1-6,0-1 0,0 1 10,0 3 1,0-1-24,0 4 1,0-3-248,0 3 0,0-1 112,0 2 1,0-1 63,0 0 0,0 0-52,0 8 0,0-2 94,0 1 1,0-4-123,0 4 0,0-4 78,0 4 0,0-2-8,0-1 1,0-4 9,0 1 1,0-2-6,0 1 0,0-1 66,0-2 1,0-1 6,0 4 0,0-5 48,0 2 1,0 0-85,0-4 0,0 3-39,0-6 0,0-2 46,0 2 1,0-1 13,0 0 1,0 2-49,0-4 1,0 0-13,0-1 0,0-2-204,0 2 0,0-5-27,0-2 1,0-1 184,0 1 0,0 2-2,0-6 1,0 2 76,0-1 1,0-4-67,0 0 0,0 0 225,0-3 0,0-3-180,0-1 0,0-2 18,0-1 0,0 0-3,0-1 0,0-3-19,0 0 0,0-1 35,0 1 0,0 2-46,0-6 0,0 1 73,0-4 0,0 0-111,0 0 1,0 0 1,0 0 1,0-3 48,0 0 1,0-1 3,0 4 0,0-3-132,0-1 1,0 1 47,0 3 0,0 1-11,0 3 0,0-3 41,0 3 1,0 2-100,0 1 0,0-1 116,0 1 1,0 0-6,0 4 1,0-4-20,0 0 1,0-3 0,0 3 1,0-5 123,0 2 0,0-3-43,0-1 1,0-1 17,0-2 1,0 0-57,0-4 0,0 4 6,0-4 1,0 1-15,0-1 1,0-2-10,0 2 0,0-2 21,0-2 0,0 2-3,0 2 1,0-2-11,0 2 1,0-2 5,0-2 1,0 1-34,0-1 0,0 1 25,0-1 1,0-3-61,0 0 1,0-3 72,0 3 1,0-4-3,0 4 0,0-3-34,0 3 15,0 0 1,0 4 85,0-1 1,0-3-19,0 0 0,0 0 191,0 4-218,0-1 0,0 1 90,0-1 1,0-3-75,0 0 0,0-3 54,0 3-13,0-5 12,0 8-114,0-9 80,0 4-61,0-1 0,0-1 18,0 4-6,0-5 0,0 4 11,0-3 0,0 0-2,0 4 1,0-4-30,0 4 1,0 0-1,0 4 1,0-1-1,0 1 0,0 3 16,0 0 0,0 5-111,0-2 1,0 6 20,0-2 0,0 2-143,0-5 1,0 1 74,0-2 104,0-2 0,0-10 56,0-5 0,0-14 0,0-8 0</inkml:trace>
</inkml:ink>
</file>

<file path=ppt/ink/ink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49:45.563"/>
    </inkml:context>
    <inkml:brush xml:id="br0">
      <inkml:brushProperty name="width" value="0.1" units="cm"/>
      <inkml:brushProperty name="height" value="0.1" units="cm"/>
      <inkml:brushProperty name="color" value="#E71224"/>
    </inkml:brush>
  </inkml:definitions>
  <inkml:trace contextRef="#ctx0" brushRef="#br0">28 50 20331,'-10'5'511,"4"-4"-44,0 3-200,3-4 1225,0 0-1241,12 2 0,2 1 100,7 0 1,-2-1 237,-5-2-285,4 0 1,1-2 36,3 1-128,1-3 0,1 3 134,3-3-22,-1 3-152,2-3 0,2 3 231,-1-3-566,3 3 187,-3-3 1,1 3 222,-2-3-809,0 3 465,-2-3 0,-1 3-436,-2-3 304,-2 3 131,2-1 0,-7 0 18,2 1 0,-2-3 4,0 3 0,-2-1 58,1 0 0,-2 1-117,0 0 243,0 0-142,0-1 0,-1 1-131,-1 0-242,0 0 375,2-1-314,0 1-1346,-2-1 955,-3 2-139,0 0 288,-5 0 1,2 0 0</inkml:trace>
</inkml:ink>
</file>

<file path=ppt/ink/ink7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6:32.018"/>
    </inkml:context>
    <inkml:brush xml:id="br0">
      <inkml:brushProperty name="width" value="0.1" units="cm"/>
      <inkml:brushProperty name="height" value="0.1" units="cm"/>
      <inkml:brushProperty name="color" value="#AB008B"/>
    </inkml:brush>
  </inkml:definitions>
  <inkml:trace contextRef="#ctx0" brushRef="#br0">75 1 20354,'-11'0'78,"1"0"1,-1 0-1,1 0 419,-1 0-89,5 0-376,-3 0 173,8 0-576,-4 0 238,14 0 0,3 0-68,9 0 1,1 0 183,3 0 0,0 0-22,6 0 1,-1 0 1,5 0 1,2 0 2,2 0 0,3 0 205,4 0 0,-2 0-49,5 0 0,1 0 111,2 0 1,5 0-50,-1 0 1,4 0 15,-4 0 0,6 0-76,1 0 1,-2 0 14,6 0 0,-1 0-135,4 0 1,1 0 58,-4 0 0,2 0-149,2 0 0,-5 0-146,8 0 0,-4 0 147,1 0 0,1 0 30,-1 0 1,3 0-65,3 0 1,-4 0 112,4 0 0,-7 0-2,7 0 1,-4 0-76,4 0 1,-3 0 40,-3 0 0,-1 0 56,0 0 1,-3 0-42,7 0 1,-7 0 148,-1 0 1,0 0-75,1 0 1,1 0 13,2 0 0,0 0-44,-6 0 0,2 0 0,-2 0 0,-5 0 76,5 0 1,-7 0-52,3 0 0,-5 0-8,1 0 0,-2 0 3,-1 0 0,-2 0-32,-1 0 1,-2 0-13,-3 0 1,-1 0-8,1 0 0,-3 0 17,-3 0 0,2 0 237,-2 0 0,-2 0-238,2 0 1,-2 0-3,2 0 0,2 0 67,-2 0 0,-2 0-59,2 0 1,-2 0 13,2 0 1,2 0-43,-2 0 1,-2 0-4,2 0 1,-2 0-8,2 0 0,1 0-12,-5 0 1,4 0 29,-4 0 0,1 0-6,-1 0 0,-2 0 0,2 0 0,-1 0-2,1 0 1,-2 0 44,2 0 0,-1 0-17,2 0 0,-2 0 4,4 0 0,-4 0-15,1 0 1,-2 0-1,-1 0 0,1 0-2,2 0 1,-2 0-1,2 0 1,-6 0-59,-1 0 0,-1 0 57,1 0 1,1 0-17,-4 0 0,3 0 25,-3 0 1,-1 0 2,-2 0 0,2 0 4,1 0 1,0 0 4,0 0 1,2 0-21,5 0 1,-1 0 4,1 0 0,-4 0-81,0 0 0,0 0 80,4 0 1,0 0-133,-1 0 0,-3 0 81,0 0 1,-4 0 34,1 0 1,-7 0-27,0 0 1,-2 0-9,2 0 1,1 0 138,-5 0 1,3 0-9,-3 0 1,4 0-107,-4 0 0,1 0 33,-1 0 1,-1 0-39,5 0 0,-4 0 25,3 0 0,-3 0-9,4 0 0,-5 0-12,1 0 1,-2 0-3,-2 0 0,-3 0-50,0 0 3,-4 0-49,6 0 85,-8 0-6,4 0-14,-1 0 61,-2 0 195,2 0-175,1 0 1,-3 0 32,5 0-46,-4 0 0,3 0 17,-3 0-92,-2 0-35,9 0-15,-9 0 105,3 0-11,1 0 18,-4 0 1,5 0-1,-2 0 2,-3 0-29,8 0 52,-8 0 0,5 0-11,-2 0-17,-3 0-25,8 0-9,-7 0 1,3 0-56,-1 0 36,-3 0 154,8 0-125,-7 0-2,2 0 0,1 0 1,-3 0-52,5 0 9,-4 0 37,6 0 30,-3 0 0,1 0 19,0 0 17,-5 0-23,3 0 24,0 0-17,-4 0-29,4 0 20,-1 0-4,-3 0 1,5 0-7,-2 0-1936,-3 0 1394,8 0 210,-7 0 339,2 0 0,-4 0 0</inkml:trace>
</inkml:ink>
</file>

<file path=ppt/ink/ink7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  <inkml:channel name="OA" type="integer" max="360" units="deg"/>
          <inkml:channel name="OE" type="integer" max="90" units="deg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  <inkml:channelProperty channel="OA" name="resolution" value="1000" units="1/deg"/>
          <inkml:channelProperty channel="OE" name="resolution" value="1000" units="1/deg"/>
        </inkml:channelProperties>
      </inkml:inkSource>
      <inkml:timestamp xml:id="ts0" timeString="2021-06-08T09:17:20.603"/>
    </inkml:context>
    <inkml:brush xml:id="br0">
      <inkml:brushProperty name="width" value="0.1" units="cm"/>
      <inkml:brushProperty name="height" value="0.6" units="cm"/>
      <inkml:brushProperty name="color" value="#AB008B"/>
      <inkml:brushProperty name="inkEffects" value="pencil"/>
    </inkml:brush>
  </inkml:definitions>
  <inkml:trace contextRef="#ctx0" brushRef="#br0">253 294 12238 217261 49640,'0'-10'-4'0'0,"0"-1"0"0"0,0 1 0 0 0,0-1 36 0 0,0 1 10 0 0,0-1-4 0 0,0 5 13 0 0,0 2-781 0 0,0 4 694 0 0,-4 9 1 0 0,-2 2 33 0 0,-5 6 0 0 0,-3 3 6 0 0,0-2 0 0 0,-1 2-53 0 0,1 1 1 0 0,-1 0-22 0 0,-3 0 1 0 0,-2 1 84 0 0,2 3 0 0 0,2-3 138 0 0,-2 3 1 0 0,4-3 22 0 0,-3-1 0 0 0,4-5-87 0 0,-1-2 1 0 0,7-2 47 0 0,3-1-128 0 0,3-1 1 0 0,4-5-12 0 0,4-5 0 0 0,4-10-30 0 0,10-7 0 0 0,4-3-11 0 0,0-1 1 0 0,4-1 18 0 0,-1-3 1 0 0,5-1-6 0 0,-2-2 1 0 0,5 1-30 0 0,-5 3 0 0 0,1 1 42 0 0,3-1 0 0 0,-3-2 74 19 0,-4 1 1-19 0,1 1-76 388 0,-4 3 0-388 0,-4 4 2 370 0,-4 3 0-370 0,-4 4 311 296 0,1 3 129-177 0,-2 2 0-119 0,-5 6-383 41 0,0 3 0-41 0,-5 3 32 2 0,2 7 0-2 0,-8 3-66 0 0,-3 8 1 0 0,-7-2 75 0 0,-3 5 0 0 0,-1 1-300 0 0,-3 2 1 0 0,2 1 16 0 0,-5-1 1 0 0,1 1 36 0 0,2 0 0 0 0,-3-1 131 0 0,-1 1 1 0 0,-1-4 6 0 0,2 0 1 0 0,3-4 68 0 0,0 0 1 0 0,-1-6-132 0 0,5-4 110 0 0,2-2 23 0 0,-1-2 0 0 0,11-9 18 0 0,1-4 0 0 0,9-7-51 0 0,5-4 1 0 0,6-3 8 0 0,5-8 1 0 0,4-2-65 0 0,4-4 1 0 0,5-2-21 0 0,1-2 1 0 0,1 1 32 0 0,-1-5 1 0 0,-2 4 21 0 0,2-4 1 0 0,-3 9-8 0 0,-4-2 1 0 0,-1 6 33 0 0,-3-2 1 0 0,-5 6 239 0 0,2 1 0 0 0,-7 6 42 0 0,0 8-213 11 0,-7 2 1-11 0,2 6 18 110 0,-6 3 0-110 0,-4 6 17 27 0,-6 8 1-27 0,-7 7-96 0 0,-4 7 0 0 0,-5 1-138 0 0,-2 6 0 0 0,-3 3 177 0 0,4 3 1 0 0,-6 6-14 0 0,2-2 1 0 0,-2 1-39 0 0,-2 0 0 0 0,0 1-227 0 0,1-2 0 0 0,-1-1-250 0 0,0 2 0 0 0,2-11 289 0 0,2 0 0 0 0,0-6 239 0 0,7-5 0 0 0,2-7-43 0 0,8-7 130 0 0,6-7 0 0 0,2-8-52 0 0,10-9 0 0 0,10-10-94 0 0,11-9 0 0 0,8-7-61 0 0,6-6 0 0 0,0-1 36 0 0,4-7 0 0 0,2 4-139 0 0,1-7 0 0 0,3 1 119 0 0,1-7 0 0 0,-1 3-29 0 0,1 0 0 0 0,-4 2 284 0 0,0 2 0 0 0,-7 4-89 18 0,0 2 0-18 0,-8 5 101 637 0,-3 6 0-637 0,-4 4-58 502 0,-6 10 1-502 0,-5 8 59 303 0,-6 3-186-25 0,-4 6 1-278 0,-8 10 2 140 0,-5 12 1-140 0,-3 6-22 7 0,-11 8 1-7 0,-3 9-167 0 0,-12 5 1 0 0,1 5 188 0 0,-7 5 0 0 0,1 3-51 0 0,-8 4 1 0 0,3 0-485 0 0,-3 1 1 0 0,3 3 197 0 0,-3-1 1 0 0,3 1 218 0 0,-3-4 0 0 0,1 1 69 0 0,-1-1 1 0 0,2-8 171 0 0,5-2 1 0 0,2-10-107-500 0,5-4 0 500 0,9-9 363-662 0,12-12-402 107 0,7-8 0 555 0,13-17 26-361 0,11-14 0 361 0,13-10-222-13 0,8-15 1 13 0,9-5 125 0 0,6-8 0 0 0,4-5 60 0 0,7-6 0 0 0,4-2-103 0 0,2 1 0 0 0,-3 1-98 0 0,-32 33 0 0 0,0 0 0 0 0,28-31 175 0 0,-28 31 1 0 0,1 0 0 0 0,26-29 189 3 0,-3-1 0-3 0,-4 6 135 701 0,2 1 1-701 0,-8 10-128 931 0,-3 0 0-931 0,-11 12-13 675 0,-4 6 1-675 0,-11 10-91 454 0,-2 8 1-454 0,-9 7 47 397 0,-2 3 0-397 0,-9 9-44 317 0,-2 6 1-317 0,-13 10-152 33 0,-8 10 1-33 0,-9 11 45 0 0,-4 11 1 0 0,-12 9-195 0 0,-2 9 0 0 0,-5-1 72 0 0,1 4 0 0 0,-2 2-7 0 0,26-34 1 0 0,0 0 0 0 0,1 0 0 0 0,-1 1 90 0 0,0-1 0 0 0,1 0 0 0 0,0-1 1 0 0,1 0 17 0 0,-2 1 1 0 0,1 0-1 0 0,1-1 1 0 0,0-1 48-148 0,-2 2 1 148 0,1 1 0 0 0,-28 35-63-1000 0,6-8 1 1000 0,5-8 6-1012 0,3-9 1 1012 0,7-11 18-817 0,6-10 31 307 0,10-10 0 510 0,12-15 44-423 0,6-14 0 423 0,18-15 9-92 0,11-20 0 92 0,10-6-169 0 0,11-8 1 0 0,4-5 96 0 0,10-10 1 0 0,4 1-62 0 0,-27 31 0 0 0,0 1 0 0 0,0 0 0 0 0,0-1 41 0 0,0 1 0 0 0,0-1 0 0 0,0 1 0 0 0,1 0 17 0 0,0-2 1 0 0,1-1-1 0 0,-3 3 1 0 0,-1 0 52 0 0,2-1 1 0 0,0 1-1 0 0,-2 1 1 0 0,-1 1 233 497 0,33-31 1-497 0,-1 3 32 1048 0,-10 11 0-1048 0,-6 5-120 975 0,-7 13 1-975 0,-11 6-16 656 0,-7 11-67-218 0,-7 7 0-438 0,-8 8-139 463 0,-6 6 0-463 0,-13 9 94 165 0,-5 9 0-165 0,-14 11-25 0 0,-7 10 1 0 0,-11 7-90 0 0,-6 11 1 0 0,-9 1-203 0 0,-6 9 1 0 0,-1 2 158 0 0,34-34 1 0 0,1 1 0 0 0,1-1 0 0 0,-1 0-33 0 0,-2 3 0 0 0,-1-1 0 0 0,1-1 0 0 0,0 1 106 0 0,-2 2 0 0 0,0 0 0 0 0,0-1 0 0 0,0 0-16-41 0,0 3 0 41 0,1 0 1 0 0,-1-2-1 0 0,0 0 46-1022 0,0-1 0 1022 0,0-1 0 0 0,-28 30-90-1190 0,6-6 1 1190 0,13-19-60-1014 0,7-6 95 436 0,15-14 1 578 0,10-17 45-418 0,14-12 1 418 0,16-17 393-81 0,16-17 0 81 0,11-13-135 0 0,17-9 0 0 0,1-6-345 0 0,9-5 1 0 0,-33 35-1 0 0,1-2 74 0 0,2 0 0 0 0,1-1 0 0 0,0 1 0 0 0,1 0-57 0 0,0-2 1 0 0,0-1 0 0 0,2 2 0 0 0,0 1 41 0 0,0-3 0 0 0,0 1 0 0 0,2 0 0 0 0,0 0 11 265 0,-2 0 1-265 0,-1-1-1 0 0,0 2 1 0 0,-1 0 20 1577 0,-1 2 1-1577 0,-1 0 0 0 0,31-31 89 1456 0,-1 5 0-1456 0,-9 9 105 880 0,-4 8 1-880 0,-9 5-53 825 0,-6 6 0-825 0,-9 9-118 539 0,-9 12 0-539 0,-6 4 31 416 0,-4 3 1-416 0,-7 4-149 405 0,-4 10 1-405 0,-12 7 96 143 0,-9 15 0-143 0,-13 6 38 0 0,-15 14 1 0 0,-7 10-82 0 0,-10 11 1 0 0,-5 2-75 0 0,33-35 0 0 0,0 0 0 0 0,-1 2 0 0 0,-1 1 4 0 0,0 0 0 0 0,0 1 1 0 0,-1 1-1 0 0,-1 0 50 0 0,1 2 1 0 0,-1 0 0 0 0,-3 2 0 0 0,-1 0-20 0 0,3 2 0 0 0,0-1 0 0 0,-3 1 0 0 0,0-2 38-709 0,2-2 0 709 0,1 0 1 0 0,1-2-1 0 0,0 0 69-1596 0,0 1 1 1596 0,0-1-1 0 0,-27 32-44-1155 0,2-11 1 1155 0,13-10 11-980 0,2-11 0 980 0,10-9-16-765 0,7-9 1 765 0,10-11 13-505 0,8-6 1 505 0,7-8 195-364 0,3-10 0 364 0,14-9-55-70 0,7-18 0 70 0,15-11-35 0 0,14-15 1 0 0,4-1-79 0 0,13-9 1 0 0,-30 36 0 0 0,1 0-81 0 0,4-4 0 0 0,1-1 0 0 0,1 1 0 0 0,1 0 39 0 0,3 0 0 0 0,0 0 0 0 0,-1-1 0 0 0,0 1-8 0 0,1 0 0 0 0,0 0 0 0 0,-2 2 1 0 0,1 0 50 174 0,-1 1 0-174 0,0 1 1 0 0,-2 1-1 0 0,0 0 6 1454 0,-1 1 1-1454 0,-1 2 0 0 0,32-28-52 1417 0,-7 9 0-1417 0,-9 10-14 824 0,-9 7 0-824 0,-6 12 235 470 0,-4 3 1-470 0,-10 11-103 272 0,-4 3 0-272 0,-12 6-168 254 0,-2 5 1-254 0,-7 7 46 155 0,-7 10 0-155 0,-11 12-124 6 0,-18 13 1-6 0,-7 4 102 0 0,-13 14 0 0 0,-3 1-88 0 0,-4 9 1 0 0,28-35 0 0 0,-2 1 33 0 0,1 0 1 0 0,-1 0 0 0 0,-3 4 0 0 0,0 0 32 0 0,1 2 0 0 0,1 0 0 0 0,-3 2 0 0 0,0 0-21 0 0,0-1 1 0 0,1 1-1 0 0,-2 2 1 0 0,1 2 30-286 0,-2-3 1 286 0,1 0 0 0 0,1 0 0 0 0,0-1 49-1490 0,2 0 0 1490 0,1-1 0 0 0,0-1 0 0 0,0 0-70-1315 0,4-6 0 1315 0,1 0 1 0 0,-28 38-30-1184 0,8-19 0 1184 0,11-9 405-966 0,10-19 196 288 0,10-8 0 678 0,14-20-140-664 0,12-13 1 664 0,18-19-108-104 0,20-20 1 104 0,11-9-271 0 0,14-16 1 0 0,-29 31 0 0 0,1 0 50 0 0,2 0 0 0 0,2-2 0 0 0,4-4 0 0 0,1 0-158 0 0,-1 1 0 0 0,1 1 0 0 0,2-2 1 0 0,1 1 12 0 0,-2 0 1 0 0,0 1 0 0 0,5-3-1 0 0,0 0 3 236 0,0-1 1-236 0,1 0 0 0 0,-1 3 0 0 0,0 0 85 1932 0,-1 1 1-1932 0,-1-1 0 0 0,-2 5 0 0 0,-1 0-33 1703 0,-5 0 1-1703 0,-1 1 0 0 0,1 3 0 0 0,-2 1-190 1498 0,32-29 0-1498 0,-9 6 164 1237 0,-12 12 0-1237 0,-7 8-34 695 0,-11 9 0-695 0,-2 7 158 418 0,-12 7 191-222 0,-2 3 0-196 0,-15 10-166 103 0,-4 5 1-103 0,-14 14-41 0 0,-10 11 0 0 0,-15 14-30 0 0,-7 6 1 0 0,-12 13 13 0 0,-6 1 0 0 0,28-23 1 0 0,-1 1-89 0 0,0-2 0 0 0,0 0 0 0 0,-2 5 0 0 0,1 0 55 0 0,-1 0 0 0 0,0 1 0 0 0,0 2 0 0 0,-1 1-63 0 0,-2-1 0 0 0,-1 1 1 0 0,-1 4-1 0 0,0 0 60-45 0,1 0 0 45 0,-2-1 0 0 0,0 0 1 0 0,0-1-3-1161 0,3-2 0 1161 0,0 0 1 0 0,-1-2-1 0 0,1-1-7-1482 0,5-2 1 1482 0,1-1 0 0 0,0 0 0 0 0,1-1-29-1441 0,-24 27 0 1441 0,11-13 0-898 0,9-12 1 898 0,11-11-14-476 0,7-7 571 52 0,9-9 0 424 0,19-16-185-314 0,14-13 0 314 0,12-11-61-82 0,16-18 1 82 0,10-8-192 0 0,11-9 0 0 0,-32 29 0 0 0,1 0-149 0 0,1-3 1 0 0,1 0-1 0 0,2-1 1 0 0,1 1 9 0 0,-1-2 0 0 0,2 1 0 0 0,2-2 1 0 0,1 1-14 0 0,-2-1 0 0 0,-1-1 1 0 0,1 0-1 0 0,1-1 69 0 0,-3 2 1 0 0,-1-1 0 0 0,1 2 0 0 0,-1 0-5 298 0,3 0 1-298 0,0 0 0 0 0,-3 1 0 0 0,-1-1 1 1522 0,1 2 1-1522 0,-2 0 0 0 0,-2 3 0 0 0,-1 0-19 1347 0,32-25 0-1347 0,-10 9-102 1141 0,-4 5 1-1141 0,-12 7 88 714 0,-8 10 0-714 0,-8 3 153 527 0,-4 8-64-160 0,-6 6 0-367 0,-11 12 0 309 0,-14 10 1-309 0,-12 14-43 35 0,-20 10 1-35 0,-5 10 6 0 0,-12 8 1 0 0,-8 9-8 0 0,-6 9 1 0 0,34-33 0 0 0,-1 1 3 0 0,1 1 0 0 0,-1 1 1 0 0,-2 3-1 0 0,0 2 0 0 0,1-1 1 0 0,-1 1 0 0 0,-2 4-1 0 0,1 1 1 0 0,2-2 0 0 0,-1 1 1 0 0,-2-1-1 0 0,1 0-17-308 0,1 0 1 308 0,1 0 0 0 0,-1 1 0 0 0,2-1 8-1685 0,1-2 1 1685 0,1 1 0 0 0,0-2 0 0 0,-1-1-3-1482 0,2-4 1 1482 0,1-1 0 0 0,-29 34 0-1245 0,6-7 0 1245 0,8-12 3-1167 0,5-6 0 1167 0,8-15-2-849 0,11-10 0 138 0,4-6 1 711 0,17-27 146-649 0,10-12 1 649 0,16-23-81-67 0,19-16 0 67 0,11-11-51 0 0,-23 31 1 0 0,3-1-1 0 0,2-4 1 0 0,2-1-13 0 0,3-1 1 0 0,1-1-1 0 0,4-4 1 0 0,2 0-3 0 0,0 1 0 0 0,1 0 0 0 0,2-3 0 0 0,0 1 22 0 0,0 2 1 0 0,-1 0-1 0 0,1 0 1 0 0,1 0-3 695 0,-4 2 0-695 0,0 0 0 0 0,3-2 0 0 0,0 2-5 2012 0,-4 5 0-2012 0,-1 0 1 0 0,1-1-1 0 0,-1 1 1 1643 0,-5 5 0-1643 0,1 1 0 0 0,-3 2 0 0 0,0 2-22 1603 0,28-26 1-1603 0,-5 5 31 1275 0,-11 13 0-1275 0,-8 3-157 801 0,-7 11 1-801 0,-12 7 106 390 0,-5 7 57-76 0,-5 7 0-314 0,-18 16 20 85 0,-9 12 1-85 0,-14 12 115 0 0,-11 5 1 0 0,-11 14-211 0 0,-6 8 0 0 0,-10 8-25 0 0,31-30 0 0 0,0 1 1 0 0,-2 2-1 0 0,0 1-1 0 0,-2 2 0 0 0,1 0 1 0 0,-4 6-1 0 0,0 1 17 0 0,-1 0 1 0 0,-1 0 0 0 0,-2 2 0 0 0,0 0-48-295 0,2 0 0 295 0,0 0 1 0 0,-1-1-1 0 0,-1 0 55-1559 0,2-1 0 1559 0,0 0 1 0 0,-2 3-1 0 0,-1-1-10-2123 0,2-2 0 2123 0,-1 0 0 0 0,4-4 0 0 0,1-2 28-1724 0,2-3 1 1724 0,1-3 0 0 0,-28 23 144-1193 0,10-9 0 1193 0,16-18-34-784 0,8-10 1 784 0,13-14 246-560 0,9-11 1 560 0,16-16-154-322 0,15-16 0 322 0,15-14-110 0 0,17-18 1 0 0,7-8-13 0 0,-26 32 0 0 0,2-1 1 0 0,2-4-1 0 0,1 0-32 0 0,3-1 0 0 0,1 0 0 0 0,4-4 1 0 0,1 1-131 0 0,-3 1 1 0 0,1 1-1 0 0,2-4 1 0 0,0 1 72 0 0,0 0 0 0 0,-1 1 1 0 0,0 1-1 0 0,0 0 9 717 0,-2 4 1-717 0,1 0-1 0 0,0-1 1 0 0,1-1 25 1791 0,-3 4 1-1791 0,0 0-1 0 0,0 0 1 0 0,-1 2-2 1687 0,0 1 1-1687 0,-1 0 0 0 0,-3 4 0 0 0,-1 1-34 1830 0,32-29 0-1830 0,-4 10 24 1160 0,-13 11 0-1160 0,-8 10-180 480 0,-9 11 0-480 0,-9 6 116 257 0,-6 8 0-257 0,-10 5 63 245 0,-7 9 0-245 0,-14 10 49 37 0,-7 15 1-37 0,-17 14 131 0 0,-12 10 0 0 0,-14 14-210 0 0,28-32 1 0 0,-2 2 0 0 0,-4 3 0 0 0,0 1-51 0 0,-3 4 0 0 0,1-1 0 0 0,-1 1 0 0 0,0-1 77 0 0,0 2 1 0 0,1 1-1 0 0,-3 2 1 0 0,-1 0-20 0 0,2 1 0 0 0,0-1 0 0 0,0 1 0 0 0,1-1-17-752 0,0-1 0 752 0,1 0 1 0 0,2-5-1 0 0,2-1 31-1600 0,1-1 0 1600 0,0 0 0 0 0,-1-2 1 0 0,1-1-43-1391 0,-24 33 0 1391 0,5-12 99-1000 0,11-13 1 1000 0,12-15 590-762 0,10-9-521 209 0,9-8 1 553 0,14-21-35-449 0,12-10 1 449 0,12-18-4-38 0,13-10 1 38 0,11-14-17 0 0,6-8 1 0 0,10-5-123 0 0,-31 29 1 0 0,0-1 0 0 0,4 1 0 0 0,0-1 21 0 0,1 0 0 0 0,1-2 0 0 0,4-3 1 0 0,1 0-53 0 0,1-2 0 0 0,1 1 0 0 0,1-4 0 0 0,-1 1 79 0 0,0 1 0 0 0,-1-1 0 0 0,0 2 0 0 0,0-1 18 1413 0,-1 3 1-1413 0,-1 1-1 0 0,-1 0 1 0 0,0 1 12 1689 0,-3 1 1-1689 0,-1 1-1 0 0,-2 3 1 0 0,0 1 30 1611 0,29-32 1-1611 0,-3 9-160 1232 0,-11 15 1-1232 0,-5 6 150 808 0,-13 12 0-808 0,-9 8 25 455 0,-12 10 1-455 0,-8 6 18 435 0,-6 11 1-435 0,-15 12 5 104 0,-13 16 1-104 0,-13 11-123 0 0,-12 17 0 0 0,-6 4 12 0 0,26-27 1 0 0,-1 1 0 0 0,-2 1-1 0 0,0 1-5 0 0,-3 3 1 0 0,0 0-1 0 0,-2 2 1 0 0,0 2-1 0 0,1 1 0 0 0,0 0 0 0 0,0 1 1 0 0,1-1 33 0 0,0 0 0 0 0,1 0 0 0 0,-2 3 1 0 0,0 0-17-1402 0,-1-1 0 1402 0,1-1 0 0 0,3 0 0 0 0,0-2 22-1666 0,2-2 0 1666 0,0-1 1 0 0,3-4-1 0 0,1-1 41-1613 0,-25 31 1 1613 0,9-14 10-1040 0,12-13 1 1040 0,9-14 25-766 0,8-10-25 206 0,3-6 1 560 0,24-21 11-497 0,5-9 1 497 0,17-19 10-37 0,15-12 0 37 0,7-16-185 0 0,14-10 0 0 0,-30 33 1 0 0,1-2 47 0 0,4-4 1 0 0,1 0-1 0 0,1 1 1 0 0,1-1 22 0 0,2-1 1 0 0,1-1 0 0 0,-1 1 0 0 0,-1 0 52 0 0,0-1 0 0 0,0 0 1 0 0,1-1-1 0 0,-1 1-6 473 0,0 0 1-473 0,0 0-1 0 0,-4 4 1 0 0,0 0-8 1691 0,-1 1 0-1691 0,-1 1 0 0 0,-3 3 0 0 0,0 0 27 1653 0,30-30 0-1653 0,-8 6-46 1151 0,-13 12 1-1151 0,-6 12 2 723 0,-12 9 1-723 0,-7 10-10 439 0,-7 8 0-439 0,-8 6 34 417 0,-6 11 1-417 0,-12 12 9 75 0,-12 16 0-75 0,-14 13-47 0 0,-14 15 0 0 0,-7 9-46 0 0,26-34 0 0 0,-1 1 0 0 0,0 4 0 0 0,-1 1 22 0 0,-2-1 1 0 0,0 2-1 0 0,-1 2 1 0 0,-1 2-6 0 0,0 0 0 0 0,1 0 1 0 0,-3 4-1 0 0,1 0 28 0 0,1-2 1 0 0,0 0 0 0 0,1 1 0 0 0,0 0-5-1407 0,3-4 1 1407 0,0-1 0 0 0,1-2 0 0 0,1 0 37-1840 0,-27 32 0 1840 0,8-6-54-1302 0,6-15 0 1302 0,12-10-46-830 0,6-15 93 306 0,14-9 0 524 0,7-13 136-506 0,14-13 1 506 0,10-13-99-177 0,15-19 0 177 0,10-11 3 0 0,11-12 0 0 0,9-12-80 0 0,-27 35 1 0 0,0-1-1 0 0,3-4 1 0 0,0 1-69 0 0,1-1 0 0 0,0 1 0 0 0,1-1 1 0 0,1 0 67 0 0,-3 1 0 0 0,1-1 0 0 0,1-1 0 0 0,1 1 27 0 0,-2 0 0 0 0,-1 1 1 0 0,-2 3-1 0 0,0 0-3 398 0,27-33 1-398 0,-7 10 18 1356 0,-10 7 0-1356 0,-5 11-1 752 0,-10 11 1-752 0,-8 8 68 415 0,-6 9 106-26 0,-4 7 1-389 0,-14 18-47 177 0,-10 13 0-177 0,-10 15 203 2 0,-14 10 1-2 0,-3 9-436 0 0,-8 5 1 0 0,-6 8 75 0 0,-4 7-481 0 0,0-1 324 0 0,3-3 0 0 0,-2 2 76 0 0,2-2 1 0 0,-2 1 27 0 0,6-8 0 0 0,0-4-2 0 0,3-10 1 0 0,10-9-45-386 0,11-16 0 386 0,12-7 53-599 0,6-7 0 599 0,7-9-45-513 0,7-8 0 513 0,14-17 188-115 0,15-15 1 115 0,12-10-11 0 0,4-4 0 0 0,7-7-30 0 0,-3-4 0 0 0,5 1-13 0 0,-1-1 0 0 0,1 5 10 0 0,-1-1 1 0 0,-8 10 25 0 0,-6 4 0 0 0,-4 4 147 0 0,-3-1 0 0 0,-4 9-173 0 0,-7 8 0 0 0,-7 7 18 0 0,-7 8 1 0 0,-7 4 176 0 0,-3 6 1 0 0,-12 12-141 0 0,-7 10 1 0 0,-9 11-43 0 0,-8 10 1 0 0,-4 2-33 0 0,-6 8 1 0 0,-2 3-135 0 0,-1 1 0 0 0,-2 2 69 0 0,-2 1 0 0 0,-2-1-190 0 0,6-2 0 0 0,0-7 121 0 0,6-8 0 0 0,9-7-121 0 0,9-7 1 0 0,4-8 96 0 0,7-9 0 0 0,5-7 131 0 0,5-4 0 0 0,14-9-7 0 0,11-8 0 0 0,9-7-68 0 0,4-10 1 0 0,12-9 22 0 0,2-2 1 0 0,7-6 61 0 0,-3 2 1 0 0,-1 1 118 0 0,-5 7 1 0 0,-4-2-83 0 0,-3 5 1 0 0,-6 4 145 0 0,-2 7 0 0 0,-8 6 48 0 0,-6 4 1 0 0,-4 3-35 0 0,-7 4 0 0 0,-4 9 104 0 0,-2 8 0 0 0,-9 7-160 0 0,-6 7 0 0 0,-5 8-20 0 0,-9 6 0 0 0,0 3-77 0 0,-4 2 1 0 0,-1-2-207 0 0,2-3 131 0 0,-3 8-49 0 0,0-7 0 0 0,4-1-197 0 0,2-6 1 0 0,11-9-46 0 0,4-1 1 0 0,6-6 45 0 0,1-6 0 0 0,7-5 133 0 0,7-5 1 0 0,9-6 115 0 0,8-8 0 0 0,3-7 1 0 0,5-7 0 0 0,1 1-29 0 0,5-1 1 0 0,-1 1 17 0 0,-2-1 1 0 0,-3 3 0 0 0,-5 7 143 0 0,-3 0 1 0 0,-2 5 1 0 0,-6 3 0 0 0,-3 6-76 0 0,-3 3 1 0 0,-6 1 201 0 0,-1 0-230 0 0,-4 5 0 0 0,0 2-127 0 0,-6 7 1 0 0,-2 2-215 0 0,-2 5 0 0 0,-1-3-10 0 0,4-1 0 0 0,1-3-809 0 0,3 4 1144 0 0,9-5 0 0 0,-2 2 0 0 0,8-4 0 0 0</inkml:trace>
</inkml:ink>
</file>

<file path=ppt/ink/ink7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47.634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232 295 20431,'-6'-5'1182,"2"4"-704,4-4 0,0 5-221,-5-5 0,3 4 16,-6-2 1,5 2 2,-4 1 1,3 0-59,-3 0 0,0 0 244,-3 0-178,-1 0 0,1 0 54,-1 0 0,1 1-118,-1 2 0,1 0 0,-1 4 1,4 0-45,0 3 0,0 1-69,-4-1 1,1 1-7,-1-1 1,4 2 93,0 2 0,4-1-12,-4 5 1,3-4-101,-3 3 0,5-3-240,-2 4 0,3-4 78,1 4 1,1-4 43,3 3 0,-2-4 48,5 1 0,0-2-106,4-2 1,0 0 133,4-3 1,-4-3-17,3-4 0,3 0-398,0 0 1,0-4 152,0-3 0,-4-6-119,1-1 0,1-6 20,-1-1 1,1 0 133,-5-4 0,1-1 42,-1 2 0,0-1-3,-3 4 1,1-4-27,-5 1 0,2-1 12,-1 4 0,-3-4 216,2 1 0,-2-1-68,-1 4 0,0-1 66,0-3 1,0 4-86,0 0 1,0 0 93,0 3 0,-3 3 31,-1 1 1,0 4 482,0 3-34,3-3-143,-8 9 0,7-2-171,-1 6 1,-2 1-6,2 6 1,-1-1 161,4 9 1,-3-4-56,-1 4 0,1-1-68,3 4 1,0 2-96,0 1 1,0 2-133,0 2 1,0 3-247,0-3 1,1 2 155,2 2 1,0-1 144,4 1 0,-4-4-130,4 0 0,-3-4-857,3 0 0,0-3 233,3-3 0,1-3-89,-1-4 1,1-2 43,0-2 0,3-2-264,0-5 0,3 0 972,-3 0 0,10-9 0,-2-3 0</inkml:trace>
</inkml:ink>
</file>

<file path=ppt/ink/ink7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00.043"/>
    </inkml:context>
    <inkml:brush xml:id="br0">
      <inkml:brushProperty name="width" value="0.1" units="cm"/>
      <inkml:brushProperty name="height" value="0.1" units="cm"/>
      <inkml:brushProperty name="color" value="#AB008B"/>
    </inkml:brush>
  </inkml:definitions>
  <inkml:trace contextRef="#ctx0" brushRef="#br0">759 170 19334,'11'0'-546,"-5"0"1119,3 0-112,-8 0 890,4 0-1340,-5 4 55,0-2 0,-1 2 3,-3-4 1,2 0 158,-5 0-106,5 0 1,-8 0 26,3 0 0,-2 0 16,-2 0 1,1 0-103,-1 0 1,1 0 45,-1 0 1,-3-1 14,0-2 0,0 1-25,3-1 1,-3 0-64,0 0 0,-1 1 89,1-5 0,-3 4 1,-4 0 1,1-2-23,3 2 1,-3-4 8,2 3 1,-2-3-54,-1 3 0,4-3 39,-1 4 1,1-4 12,-4 3 1,-1-3 3,1 4 0,-1-2-114,-2 2 1,1 1 36,-1-1 0,3 1-111,3-2 0,-1 3 134,5-3 0,-3 3-6,3 1 0,-1-1-190,5-2 1,3 1 100,0-1 0,3 2 60,-3 1-33,5 0-2,-7-5 32,7 4-7,-7-4 1,7 4 35,-5-3-24,4 3 0,-2-5 14,1 3 1,2 2-25,-5-3 0,4 2 25,0-2-71,2 3-125,-4-4 0,4 4-150,-3-2-282,3 2-1171,1-4 0,4 10 1187,-1 2 0,5 3 568,-1 4 0,7 3 0,3 4 0</inkml:trace>
</inkml:ink>
</file>

<file path=ppt/ink/ink7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00.910"/>
    </inkml:context>
    <inkml:brush xml:id="br0">
      <inkml:brushProperty name="width" value="0.1" units="cm"/>
      <inkml:brushProperty name="height" value="0.1" units="cm"/>
      <inkml:brushProperty name="color" value="#AB008B"/>
    </inkml:brush>
  </inkml:definitions>
  <inkml:trace contextRef="#ctx0" brushRef="#br0">675 11 19138,'11'0'0,"-5"0"-177,-2-5 398,1 4 0,-2-4-201,4 5 131,-5 0 73,3 0 26,-1 0 42,-3 0-188,9 0 0,-8 0 113,5 0-111,-4 0 0,2 0-19,-1 0 257,-3 0-310,4 5 63,-5-4 84,0 4-102,0 0 119,-5-4 1,-1 3-50,-4-4 1,-1 4-48,1 0 1,-6-1 53,-1-3 1,-3 4 27,-1-1-1,-2 4 54,-1-3 0,0 3-113,-4-4 1,0 5 25,-3-1 1,-1-1-55,0 1 1,1-1-235,-1 1 1,2 1 61,1-4 0,0-1 94,5-3 0,-1 0 0,4 0 0,1 4-19,2-1 1,-2 1 11,3-4 1,0 0 6,0 0 0,4 0-3,-1 0 0,2 0 72,2 0 1,-1 0 2,1 0 0,3 0 18,0 0 6,4 0-4131,-1 0 3684,8-5 1,-1 4 332,4-2 0,0 1 0,3 2 0</inkml:trace>
</inkml:ink>
</file>

<file path=ppt/ink/ink7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26.060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0 21 20356,'0'-7'939,"0"0"-566,0 5-215,0-3 185,0 5 392,0 0 0,0 5-553,0 2 0,0 6 77,0 1 1,0 4 165,0 0 1,0 5 7,0 2 0,0 4-137,0-1 0,0 3-136,0 1 1,0-1 34,0 1 0,0-1-98,0 1 0,0 0-9,0-1 0,4 1-191,-1 0 0,2-4-2,-1 0 0,-3-5-177,2 2 0,-1-6-263,-2-2 0,0-3-1,0 4-809,0-5 812,0 2 1,0-8-618,0 0 565,0-5 1,0 2-610,0-8 1204,0-1 0,0-11 0,0 0 0</inkml:trace>
</inkml:ink>
</file>

<file path=ppt/ink/ink7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26.543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11 105 20182,'-6'-10'167,"1"3"143,5 0 0,0 3-58,0-3 1,5 5 95,2-2 1,-1 0-1,1 0-159,0-4 0,7 2-16,0-4 1,5 3-87,-2 0 0,3 3 44,1-3 1,5 5 68,2-2 1,3 3-8,0 1 0,2 1-1,2 3 1,-5 3-207,1 7 0,-3-2-24,1 2 1,-5 2 115,-6 2 1,-1 3 73,-6 3 1,1-1 79,-9 1 0,1 2 67,-4-2 1,0 6-113,0-2 0,-5 2 41,-2 2 0,-4 0-43,-3-1 0,1 4-119,-4 1 1,3-1 60,-4-4 1,1-3 5,-4 1 1,-2-6-104,-1 2 0,1-3-233,-1-1 0,0-3 248,0-1 1,1-4 14,-1 1 0,2-3-903,1-4 1,1 1 379,2-5 0,3 1-1881,4-4 1354,1 0 1,4-1-79,2-3 1,3-2 1067,1-4 0,0-5 0,0-2 0</inkml:trace>
</inkml:ink>
</file>

<file path=ppt/ink/ink7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31.593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74 117 19831,'0'-6'722,"0"1"-547,0 5 219,0 0-197,0 5-39,0-4 22,0 9-59,0-9 47,0 8 46,5-8-45,-4 9-86,8-9 0,-3 7-52,5-4 0,-4-1-16,0-3 0,0 0 13,3 0 0,1 0-86,-1 0 0,1 0 105,0 0 1,-1-1-14,1-3 1,-1-1-203,1-6 1,-1 0 110,1 1 0,-4-1 35,0 1 0,-4-1 17,4 1 0,-4-1-2,0 1 0,-2-1 50,-1 1 0,-1 3 106,-2-1 1,0 3 116,-4-2 0,-1 2-72,-6 5 0,2 0 35,-2 0 0,-1 0-79,1 0 0,-3 2-39,2 5 0,-2 0 14,3 7 0,-5-2-4,2-1 1,1 0 36,2 3 1,2-2 4,2 2 1,1-1-39,2 1 0,-2-2-7,6 2 0,-1 2-129,4 2 0,1-2 75,3 2 1,2-4-151,4 4 1,2-6-25,2 2 0,3-3-74,4-4 1,-4 1-132,1-4 0,-1-1-399,4-3 0,1 0-583,-1 0 1,3-1 1296,1-2 0,-1-3 0,-2-5 0</inkml:trace>
</inkml:ink>
</file>

<file path=ppt/ink/ink7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32.243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169 12 20207,'-7'-4'0,"0"1"124,-1 0 126,4 2 0,-6 1 147,3 0 0,-2 0-180,-2 0 0,1 1 26,-1 3 1,2-2 138,2 5 0,-3-1-110,3 1 0,-2 2-18,-2-2 0,4 4-38,0 3 1,1-2-150,-1 2 0,3 1 17,4-1 0,0 4-162,0-4 0,0 3 174,0-3 1,1 0 42,2-3 0,0-1-812,4 1 1,-1 0 332,1-1 0,2-3-332,-2 0 0,2-3 277,2 3 0,3-5-345,0 2 0,1-3 195,-1-1 0,-1-1 545,5-3 0,-1-2 0,5-4 0,-1-6 0,0 0 0</inkml:trace>
</inkml:ink>
</file>

<file path=ppt/ink/ink7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32.643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137 53 19593,'-4'-6'1622,"1"2"-1138,-4 4 1,4-4-125,-4 1 1,3 0-24,-3 7 1,0-2-19,-4 5 0,4 0 2,0 4 0,0-1-167,-3 1 0,-1 4 27,1 3 0,0-2-101,3 2 0,-1-1 91,5 4 0,-1-1-259,4-2 1,0 0 78,0-4 1,1 3-450,3-7 0,2 2 128,4-8 1,2 3-42,2-4 1,-1 0 65,4-7 1,-3-2-15,4-4 0,-2-4 104,2 0 1,1-5 8,-5 1 0,0-2 125,-4-1 1,0 4-99,-3-1 0,-2 2 267,-5-2 1,0 3-24,0 4 0,-5 1-4,-2-1 0,-3 2-266,0 2 0,-4-3-237,0 3 0,-4 2 299,4-3 1,-3 5 142,3-4 0,-5 0 0,2-4 0</inkml:trace>
</inkml:ink>
</file>

<file path=ppt/ink/ink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49.162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54 0 20257,'-6'0'106,"-1"0"0,0 1 0,1 1 0,1 3 1567,1 1-1374,2 0 1,-2 1-24,2 0 0,1 2 87,-1 2-105,2 2 1,0 1 76,0 2-153,0-2 0,0 5 55,0-1 1,0 5 565,0 1-94,0 2-346,0-2 1,0 2-224,0-2 0,0 2-83,0-2 0,0 2-103,0-4 0,0 0 167,0-2 1,0 0-103,0 1 0,0-4 109,0 1 1,0-3-60,0 1 0,0-4-401,0-1 1,0-3-336,0 1 122,0-2 1,0-2-306,0-1-151,0-2 699,0 1 0,0-4 81,0-1 0,-3 0-184,1-2 1,0-3 404,2-2 0,0-3 0,0 2 0</inkml:trace>
</inkml:ink>
</file>

<file path=ppt/ink/ink8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57.677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44 43 20322,'-5'0'0,"1"0"733,0 2 0,0-1-434,1 2 0,1-1 282,0 1-291,0-2 1,1 3-54,0-1 1,0 0-14,1 0 0,0 0 208,0 2-230,0 0 1,1 0 44,0-1-53,2 1 1,2-2-237,1 0 0,0-2 26,0 1 1,1-1 8,-1-1 0,2-3 51,-2 0 1,2-1-157,-1-1 0,-1 1 97,-1-1 0,-1-1-72,1-1 0,-1 0 108,0 1 1,-2 1-12,-2-2 1,0 1 125,0-1 0,-1 1-39,0 1 1,-2 0-28,-2 1 1,0 0 42,-1 0 0,0 2 19,-2 2 1,1 0 25,-1 0 0,-1 2 139,3 2 1,-2 2 93,2 4 0,-2 0-102,1 3 1,1 0 64,1 2 1,1 0-87,1 1 1,1 0-33,2 0 1,0 0-157,0-2 0,2 0-191,1-1 0,2-2-154,1-3 0,4-1-433,2-2 0,3-1-442,0-4 1,2 0 532,0 0 0,2-1-699,-2 0 0,1-2 613,-1-2 0,-1 1 33,-3-1 660,-2 0 0,-1-2 0,-1 0 0</inkml:trace>
</inkml:ink>
</file>

<file path=ppt/ink/ink8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7:59.013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181 306 19569,'0'-3'938,"0"1"-614,0 0 1,0 1-58,0-2 0,-1 2 72,-1-1 0,1 0-62,-2 1 0,2-1 133,-3 2 1,1-2-180,-1 1 0,-1-1-14,0 2 1,0 0 205,-2 0 1,2 0-45,-1 0 1,-1 2-120,1-1 0,-3 3-69,1-1 1,1 0-27,-1 0 0,0 2 5,-1 1 0,1 0-67,0-1 0,1 2 114,-1 1 1,1-1-19,2 1 1,-1 2-249,2 1 0,-2 0 12,5 0 0,-2 0-60,1 2 1,0-1-26,2 0 0,2 0-86,2 0 0,0-4 24,1 1 1,1-2-171,2-1 0,0-2 66,2-1 1,-2-3-65,3 0 1,1-2 28,-1-2 1,0-2 84,1-2 0,-2 0-84,3-3 0,-3 0 54,1 0 0,-2-1 171,-1-2 0,-1-1-8,1-1 0,0 1 161,-1-2 0,-1 0-69,-1 0 0,-1-2 108,1 2 0,0 0-33,0-1 0,-3 1-68,0-4 0,-2 2-1,0-2 1,0 1 80,0 2 1,0-1 146,0 0 1,0 1-42,-2 1 1,1 3 87,-2 0 1,2 3 246,-1 2-86,2 1 1,-2 6-167,1 2 0,-3 5-91,1 5 1,-1 2 412,-1 6 0,1 1-93,1 5 0,-1 1-64,2 1 1,1 2-255,1 3 0,0-1-143,0 0 1,1-3-236,1 0 1,3-2-466,0-2 1,3-2 562,0-3 0,1-4 75,0-1 1,1-4-2304,1 1 1,-1-5 2333,1 0 0,-1 0 0,0-3 0</inkml:trace>
</inkml:ink>
</file>

<file path=ppt/ink/ink8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8:03.210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48 204 20289,'-2'-6'-118,"-1"0"1,0 0-145,0 1 1,0 0 474,0 0 29,-1 0 0,2 1-71,-1-1 1,0 0-1,1 0 0,2 0 75,-2-1 0,1 2 36,0-3 0,0 5 228,0-3 343,0 1-441,-1-1 1,1 2 163,0 0-321,0 2 0,0-1-28,-1 4 0,1 1-119,1 1 1,0 4 161,0 1 1,0 3 214,2 4 0,0 1-103,3 2 0,0 2 91,2 1 0,-1 2-89,1 3 0,0 0-158,1 3 1,-1 1-160,1 1 0,1-1 47,-1 1 0,1-1-287,0 2 0,-1 0 155,0-1 1,0-3-56,1-2 1,0-3-26,-1 2 1,1-2-86,-1 0 1,-1-4-20,1-1 1,-1-4 52,1 1 0,-2-2-41,2-1 1,-2-3 85,2-4 1,-2-1 90,0-2 1,-1-1-19,0-2 0,-2-2 8,1-1 0,-1-4 2,1-3 0,1-2 86,0-4 0,0 1-298,-1-4 0,2 0 126,0-3 1,-1 1-223,2-1 1,-2-1 92,0-3 1,-1-3 90,1 1 1,1-2 73,1 0 1,-1 0-7,-1-3 1,0-2 27,1-5 1,0 1 163,0-1 1,1 1-152,-1 2 1,1 2 8,-1 0 0,0 4 393,0 3 0,-1 2-153,0 4 1,0 3-343,-1 3 0,0 4-54,-1 3 221,-2 1-754,1 3 0,-2 7 716,0 3 0,-4 5 0,-2 2 0</inkml:trace>
</inkml:ink>
</file>

<file path=ppt/ink/ink8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8:04.130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5 0 20282,'-3'0'30,"1"0"1,2 3 1335,0 2 0,0 2-547,0 4 0,2 2-323,-1 2 0,1 1-207,0 1 0,-1-2-56,2 1 1,-1 1-51,1 0 1,-2 0-59,1-1 1,0-2-560,-1 1 0,3-2 339,-3 0 0,1-2-1176,0-3 0,-2-1 371,2-3 1,-1 1-598,1-2 1497,-2-1 0,2-4 0,-2-1 0</inkml:trace>
</inkml:ink>
</file>

<file path=ppt/ink/ink8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8:04.436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8 15 20226,'-3'-5'1644,"-1"2"-1644,3-1 0,1 4 1689,4-2-1082,0 1 1,1 1-554,1 0 0,2 2-646,1 0 0,1 1-2101,1 0 2693,1 2 0,1-1 0,-2 1 0</inkml:trace>
</inkml:ink>
</file>

<file path=ppt/ink/ink8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8:05.321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262 330 20195,'-3'-3'0,"2"-1"0,-2 1 0,2 0 32,-3 0 1,3 0 337,-2 0 0,0 0-21,-2 1 1,1 0-133,-1 2 1,2-1 56,-4-1 0,1 1 141,-1 1 1,-1 2-67,0 1 1,-2 2-133,-1 1 1,1 0-6,-3 2 1,2 0-47,-2 1 0,1 1-102,-2 1 1,0 0 112,1 1 0,0-1-36,2 2 1,0 0 42,1 1 1,3 0-39,1 0 1,1 1 12,2-1 1,1 0-30,2 0 0,0 0-21,2 1 0,3-3-31,2-1 0,2-1-133,1-1 0,1-1 0,0-2 1,3-1-212,0-2 0,1-1 20,2-4 1,0-1-125,2-3 0,0-4 34,0-3 1,-1-1 91,-1-2 0,-3-1-121,0-1 1,-3-2 96,0-1 0,-1 0 215,0-1 0,-2 0-136,0 1 0,-3 0 136,2 0 1,-4 1-94,0-2 1,-1 2-9,-1-2 1,0 1 9,-1-1 0,-1 0 22,0-2 1,-1 1 85,-1 1 0,2 0 65,0 2 0,-1 1 153,0 0 0,0 3-94,0 4 0,2 3 457,-2 1 72,2 3-37,0 2 0,-1 4-175,0 3 1,-2 5-91,0 2 1,0 5 215,1 1 1,0 3-44,0 3 0,2 3 10,-2 4 1,2-1-211,0 3 0,0-2-84,2 3 1,-1 0-232,2 1 0,1-1-279,2-3 0,0-2 340,2-4 0,-2-3 183,2-2 1,0-2-2048,1-3 1,1-3 340,-1-1 1,2-1 1488,0-3 0,3 0 0,-2-1 0</inkml:trace>
</inkml:ink>
</file>

<file path=ppt/ink/ink8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8:06.021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33 86 20230,'-6'0'-126,"2"0"-250,-1 0 886,2 0 152,-2 0 0,1 1 129,0 0-572,2 0 0,2 3 254,0-1-221,0-1 0,2 3 20,2-2 1,0 0-52,1 1 0,1-1-183,2-1 0,2-1-22,1-1 1,-1 0-164,3 0 0,-2 0 204,0-2 1,-1-2 40,-1-2 1,0-3-362,-1 1 0,-1 1 115,-2-1 0,-1 1 58,-1-1 1,-1-1 57,-2 1 0,0 1 131,-2-1 1,1 2-12,-2 0 1,-2 0 79,-1 2 1,-1 1-65,0 1 1,0 2 91,-2 0 1,-1 1 15,1 2 0,-1 1-65,1 4 1,0 1 189,1 2 0,0 2-59,2-2 1,1 2-184,-1 0 1,2 0-59,3 2 0,0-2-228,1 0 1,2 1-100,2-2 0,2 0-339,2-1 1,3-1-61,1-1 0,4-1 330,2 0 0,0-2-869,1-2 1,2-1 114,-1-3 1113,1 0 0,0-4 0,0-2 0</inkml:trace>
</inkml:ink>
</file>

<file path=ppt/ink/ink8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9:18:06.394"/>
    </inkml:context>
    <inkml:brush xml:id="br0">
      <inkml:brushProperty name="width" value="0.025" units="cm"/>
      <inkml:brushProperty name="height" value="0.025" units="cm"/>
      <inkml:brushProperty name="color" value="#AB008B"/>
    </inkml:brush>
  </inkml:definitions>
  <inkml:trace contextRef="#ctx0" brushRef="#br0">176 53 20230,'-9'-4'209,"-1"1"0,0 2 88,-1 0 0,1 0 352,-1 1 0,1 4 1,-1 3 74,0 1 1,0 2-275,2 1 1,-2 1 27,-1 3 1,3-1-210,1 2 1,2 1-35,0 2 0,1-2-135,2 1 0,1-2 121,2 0 0,0-1-498,2-4 1,3-2-20,5-3 0,1-1-312,4-2 1,3-1 185,1-4 1,2-1-253,0-3 0,1-2 242,0-1 1,-1-1 103,-2-1 0,-4-1 295,-2-2 1,-3-1-67,1 1 0,-3 0 718,-1 2 1,-3-1-134,0 2 0,-2-2 112,-2 2 0,-1-1-313,0 1 0,-2 1 12,-2-3 1,-2 2-439,-1-2 0,-2 3-607,-1 1 0,-2 0-150,2 3 1,-3 0 897,0 3 0,-2 0 0,-3 3 0</inkml:trace>
</inkml:ink>
</file>

<file path=ppt/ink/ink8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7:14.520"/>
    </inkml:context>
    <inkml:brush xml:id="br0">
      <inkml:brushProperty name="width" value="0.1" units="cm"/>
      <inkml:brushProperty name="height" value="0.1" units="cm"/>
      <inkml:brushProperty name="color" value="#008C3A"/>
    </inkml:brush>
  </inkml:definitions>
  <inkml:trace contextRef="#ctx0" brushRef="#br0">0 1 20201,'13'0'156,"0"0"1,-1 0-89,7 0 0,0 0-29,0 0 0,0 0-26,0 0 1,0 0 61,0 0 0,2 0-16,4 0 1,-4 0 2,5 0 1,1 0-33,-2 0 1,7 0 27,-7 0 0,7 0 0,-7 0 1,9 0-37,-2 0 1,-3 0-15,3 0 1,-3 0-17,3 0 1,4 0 53,-5 0 0,-1 0 7,1 0 0,-5 0 15,5 0 1,-6 0 6,7 0 1,-7 0-34,7 0 0,0 0 4,6 0 1,-7 0-36,1 0 0,-3 0-8,3 0 0,4 0-31,-5 0 1,-1 0 66,1 0 1,-1 0-77,2 0 1,1 0 50,-7 0 0,5 0-4,-6 0 1,9 0-2,-2 0 1,-3 0-4,3 0 1,-7 0 17,7 0 1,-3 0 3,3 0 0,4 0-30,-5 0 0,5 0 19,2 0 1,-6 0-37,-1 0 1,1 0 30,6 0 1,0 0-30,0 0 0,0 0 22,0 0 0,0 0-5,-1 0 1,-1 0-7,-4 0 0,4 0-1,-5 0 1,-1 0 2,1 0 0,-5 0 4,5 0 0,-5 0 0,5 0 0,-5 0 0,5 0 0,-1 0 38,1 0 0,5 0 14,-4 0 0,10 0 6,2 0 0,0 0-53,-6 0 1,7 0 2,-1 0 0,0 0-1,-6 0 1,2 0 18,4 0 0,-8 0 55,8 0 1,-14 0-56,8 0 0,-2 0 0,8 0 1,-4 0 10,4 0 1,3 0 9,-3 0 1,6 0-44,-5 0 1,5 0-8,-6 0 0,1 0 7,-7 0 0,0 0 21,0 0 1,-1 0-9,1 0 1,-6 0-10,0 0 0,-1 0 42,7 0 0,-6 0-13,-1 0 1,1 0 7,6 0 1,0 0-32,0 0 1,0 0-5,0 0 1,0 0 19,0 0 0,-1 0 4,1 0 1,0 0-58,0 0 1,0 0 23,0 0 0,-6 0-1,-1 0 0,1 0 0,6 0 0,0 0 1,0 0 0,-7 0 5,1 0 1,0 0-3,6 0 1,-1 0 55,1 0 0,-2 0-49,-4 0 0,4 0-1,-5 0 1,5 0 3,2 0 1,0 0 31,0 0 1,-7 0-46,1 0 0,-7 0-2,7 0 1,-9 0 2,2 0 0,3 0-8,-3 0 1,0 0-14,-6 0 1,0 0 26,0 0 1,0 0-16,0 0 0,0 0 7,0 0 1,2 0-9,5 0 0,-5 0 7,4 0 0,-4 0 1,-2 0 0,0 0 0,0 0 0,6 0 0,0 0 0,1 0 11,-7 0 0,6 0-10,0 0 0,7 0 0,-7 0 0,3 0 4,-3 0 1,2 0 7,5 0 0,2 0-8,-9 0 0,7 0 1,-7 0 0,6 0 12,-5 0 1,1 0 0,-2 0 0,3 0 49,3 0 0,3 0-53,-9 0 0,9 0-26,-2 0 0,-3 0 26,3 0 0,-7 0-13,7 0 1,-7 0-17,7 0 0,-9 0-4,2 0 0,3 0-11,-3 0 0,0 0-11,-6 0 0,2 0-51,4 0 0,-4 0 72,5 0 1,-5 0-68,-2 0 1,0 0 41,0 0 1,0 0-11,0 0 1,-7 0 4,1 0 23,0 0 0,6 0-9,0 0 18,-9 0 36,7 0 1,-13 0-75,9 0 27,-9 0 12,13 0 0,-13 0-10,9 0-59,-9 0-17,4 0 80,1 0 2,-7 0 19,6 0-107,-8 0 87,9 0 0,-7 0 9,6 0 5,1 0-17,-7 0 5,15 0 13,-15 0-11,15 0 37,-15 0-34,6 0-1,1 0 26,-7 0 6,6 0-3,1 0-16,-7 0 8,15 0-6,-7 0 1,3 0-1,-1 0 0,-5 0 0,5 0 0,-5 0 0,5 0 0,-7 0 0,11 0 0,-3 0-96,-5 0 89,9 0-131,-6 0 136,-1 0-8,-1 0-63,-9 0 88,8 0-37,-6 0 0,9 0 12,-5 0 0,-2 0-4,9 0 0,-7 0-23,7 0 0,-7 0-46,7 0 47,-9 0-10,5 0-7,-1 0-1,-6 0 334,7 0-1634,-9 0 1354,8 0 0,-6 0 0,7 0 0</inkml:trace>
</inkml:ink>
</file>

<file path=ppt/ink/ink8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7:38.794"/>
    </inkml:context>
    <inkml:brush xml:id="br0">
      <inkml:brushProperty name="width" value="0.1" units="cm"/>
      <inkml:brushProperty name="height" value="0.1" units="cm"/>
      <inkml:brushProperty name="color" value="#008C3A"/>
    </inkml:brush>
  </inkml:definitions>
  <inkml:trace contextRef="#ctx0" brushRef="#br0">0 1 20864,'0'18'-961,"0"1"932,0 0 0,0 0 610,0 0-404,0 8 0,0-6-77,0 4 0,0 4 65,0 3 0,0 1 186,0-1 0,0 1-233,0-8 1,0 6-3,0-5 0,0-1-29,0-6 0,0 6-90,0 0 1,0-6 253,0-7-64,0 1-224,0-3-18,0 7 315,0-15-182,0 6 23,0-8-104,0-8 0,0 4 1,0-9 0,0 1-5,0-7 1,0 0 73,0 0 0,0-2-3,0-4 0,0 4-115,0-4 1,0-2-247,0 2 1,0-9 126,0 3 0,0 2 142,0-3 1,0 9 93,0-2-25,0-4 1,0 8 137,0-4-200,0 12 43,0 5 77,0 8-90,0 8 1,0 9 95,0 8 1,0 9 2,0-3 0,0 7-27,0 6 1,0-5 10,0 5 0,0 2-49,0-2 1,0 0 7,0-6 0,0-7-18,0 1 1,0-16 108,0 3-224,0-4 67,0-5-28,0 7-39,0-15-11,0 6 256,0-8-165,0-8 6,0-2 0,0-9-34,0 0 0,0 6 8,0 1 8,0-1 1,0 1-51,0-1 0,0 7-154,0-7 0,0 7-252,0-6 346,0-1 0,0-6-78,0 0 0,0 1 110,0-1 0,0 0-64,0 0 0,0-6 34,0 0 1,0 0 14,0 6 1,0 0 18,0 0 1,0 0 14,0 1 1,0-1-721,0 0 281,0 8 512,0 3 0,0 0 0,0-3 0</inkml:trace>
</inkml:ink>
</file>

<file path=ppt/ink/ink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08:53:49.726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7 47 20284,'0'-6'502,"0"-1"-135,0 0 185,0 4 31,0-3-21,0 5-81,0-2-216,0 3 216,0 0-298,-3 3 1,2 1 437,-1 2-142,1 1-267,1 0 0,0 2 155,0 0 1,0 2 0,0 1 27,0 0-140,3-1 0,-1 4-15,2-2 0,1 3 0,1-1 1,1 2 219,0 3-82,-1 0-195,1 4 1,1-1-42,0 1 84,0 2-150,2-2 0,-1 1-70,2-1 0,0-2 70,0 0 0,0-1-176,3-1 0,-3-1 183,0-1 1,-2-2 9,2-5 1,-3 1-60,1-3 0,-2-3-46,0-1 0,-2-4-367,-1 2 305,1-3 1,0 0-50,0-3 1,0-3 72,-3-3 0,4-2-143,-2-1 1,-1 0 176,-1-2 0,1-1-30,-1-1 0,3-5-107,-3 1 0,3-2-108,-3 0 0,1 0-390,-1-3 306,-1-2-1,2 2-175,-3-4 246,3 6 1,-2-3-59,4 1 1,-4 0-82,1 2 1,0 2 166,0 3 1,-1-1 6,1 4 0,-1 0-305,-1 4-11,3-2-88,-2 6-641,2-3 628,-3 3 215,3 4 442,-3 0 0,6 3 0,-2 0 0</inkml:trace>
</inkml:ink>
</file>

<file path=ppt/ink/ink9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7:49.902"/>
    </inkml:context>
    <inkml:brush xml:id="br0">
      <inkml:brushProperty name="width" value="0.1" units="cm"/>
      <inkml:brushProperty name="height" value="0.1" units="cm"/>
      <inkml:brushProperty name="color" value="#008C3A"/>
    </inkml:brush>
  </inkml:definitions>
  <inkml:trace contextRef="#ctx0" brushRef="#br0">1 17 20821,'0'8'173,"0"-8"754,0-8-801,0-2 0,0 3 1,0 14 0,0 3 170,0 9 1,0 6-19,0 0 1,0 6-41,0-5 1,0 7-129,0-2 1,0-1 56,0 1 1,0 0-174,0 7 0,0-2 92,0-5 0,0 5-80,0-5 0,0 5-1,0 1 0,0 1 75,0 0 1,0-1-152,0 1 1,0-3 134,0-3 1,0 3-16,0-3 0,0 3-3,0 3 1,0 0-2,0-1 1,0-5 14,0-1 0,0-2-5,0 3 0,0 1-71,0-8 1,0 7 69,0-7 0,0 2-56,0-2 0,0-4 43,0 4 0,0-4-9,0-2 0,0 0-32,0 0 0,0-1 0,0 1 0,0 0-7,0 0 1,0 0-8,0-1 1,0 1-18,0 0 0,0 0 47,0 0 0,0 0-41,0-1 0,0-5 22,0 0 1,0-1-5,0 7 0,0-6 5,0-1 1,0-6-4,0 7 1,0-7-11,0 7 1,0-7 0,0 7 1,0-7-21,0 6 1,0-5 20,0 5-176,0 1 128,0 6-13,0-1-3,0 1-13,0 0 41,0-8 0,0-1-45,0-4 40,0-4-25,0 7-23,0-9 36,0 8 18,0-6 2,0 7-58,0-9 205,0 8-123,0-6 1,0 8 69,0-3-39,0-5 13,0 6-31,0 1 8,0-7 0,0 8 54,0-4-40,0-3 1,0 7 186,0-4-187,0-4 0,0 15 70,0-4 0,0-3-68,0 3 0,0-7 5,0 6 1,0-5-18,0 5-10,0 1 32,0 6-24,0 0 0,0-7-254,0 1 243,0-9-148,0 13 128,0-15 1,0 14 8,0-14 0,0 9-19,0-5-14,0-4 29,0 7 1,0-7-48,0 4 32,0-4 10,0 6-878,0-8 483,0 9 0,0-5 135,0 9 0,0-7-4,0 6 293,0 1 0,0 6 0,0 0 0</inkml:trace>
</inkml:ink>
</file>

<file path=ppt/ink/ink9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11.758"/>
    </inkml:context>
    <inkml:brush xml:id="br0">
      <inkml:brushProperty name="width" value="0.1" units="cm"/>
      <inkml:brushProperty name="height" value="0.1" units="cm"/>
      <inkml:brushProperty name="color" value="#008C3A"/>
    </inkml:brush>
  </inkml:definitions>
  <inkml:trace contextRef="#ctx0" brushRef="#br0">11 51 20530,'-3'-10'-498,"-2"2"725,5-1-36,-3 3 55,3-1 29,0 1-135,0 4 471,0-1-379,0 10 1,1-1 36,1 6 1,0 0 101,1-1 1,2 4-149,-2 2 1,2 1 64,2-1 1,-1 1-161,1 5 0,0-2 78,0 3 1,0-2 62,0 2 1,-1-2-143,0 2 1,2-1-313,-1 1 0,-1-2 127,-1-1 1,1-1 115,-1-2 0,1 0 34,1-3 0,0 0-39,-2-1 1,0-2 117,0-2-7,-2 0 36,4 3-86,-6-2-511,6 1 255,-7-4-126,3-1 168,-3-1-5,0-1 53,0-3-28,0 3 324,0-4-34,4-4 1,1-6-176,4-4 0,0-3-229,-2 2 96,2-1 1,-3 1 28,3-1 1,-3 0 86,3-3 1,-1-2-12,3-2 1,-3 1-84,1-3 1,-1 2-181,2-2 1,-2 2 55,-1-2 1,0 2-38,0-2 0,1 3 214,-2-2 0,2 1-4,0 0 0,1 0-61,-2 1 0,2 2-12,-3 2 0,1 2 48,-4 5-4,2 0-301,-5 0-136,2 4-477,-2 1-101,0 5 1071,-2 9 0,-1-2 0,-2 8 0</inkml:trace>
</inkml:ink>
</file>

<file path=ppt/ink/ink9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47.684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60 88 19913,'-1'-5'722,"-2"1"133,3-1-109,-7-3 55,6 1-237,-5 3-63,5-3-150,-2 6 0,3-1 192,0 4 1,-1 5-229,-2 3 0,3 6-93,-3 1 1,2 5 524,1 2 0,0 5-234,0 2 0,0 5-39,0-2 0,3 2-132,-1 1 1,1-1-93,-3 1 1,0 0-336,3 0 0,-2-6-385,1-2 1,-1-5 29,-1 1 1,0-3 314,0-2 0,0-6-145,0-4 0,0-2-244,0 0 230,0-4-102,0-1 1,-2-7-395,-1-3 1,0-5 436,0-5 1,3-2 155,-3-3 0,2-2 239,1-1 1,-2-3-92,-1 1 1,0-1-47,1-2 1,1-1-53,-2 2 1,2-4 44,-2 3 1,2-3 27,-1 4 0,-1-2-26,0 4 1,1 2 146,2 0 0,0 3 206,0 3 1,0 1 265,0 6 0,0 2-31,0 2-271,0 4 1,0 2-54,0 4 0,0 6 41,0 4 0,3 6 54,2 4 0,2 4 502,0 6 0,1 0-413,2 4 0,-1 0-323,3 6 0,0-3-210,3 3 0,1-4 159,1 1 0,-2-5 122,2-5 0,-1 0 22,-1-5 0,-2-2-286,0-5 0,0-5-17,-3-2 0,-1-5-32,-1-3 1,2-3 223,-1-4 1,1-6 261,-3-9 1,3-7 192,0-2 1,-3-3-207,-2 0 0,-3 1 94,0-3 0,-1 2-109,-1-2 0,0 4-45,0-1 0,0 0-202,0-4 0,0 3-413,0 2 0,0 3-120,0 0 0,0 4-149,0-2 0,0 5-513,0 0 0,0 6 526,0 0 1,0 6-101,0 1 765,0 4 0,0 0 0,0 3 0</inkml:trace>
</inkml:ink>
</file>

<file path=ppt/ink/ink9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49.020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23 89 20261,'-8'0'882,"4"0"0,0 0 300,2 0-764,1 0 1,-2 0-154,3 3 1,0-2 413,0 4-389,3 0 1,3 3-67,4-1 0,0 0 1,-3 1 0,3-3-105,0-1 0,3-2-37,-1 1 0,1-3-112,0 0 0,0 0 162,0 0 1,-3-3-2,0-2 0,-2-1-208,0-2 0,-2 1 31,-1 0 1,-1-3 86,-1 0 0,-3-2 28,3 2 1,-5-1 277,0 2 1,-5 0-19,0 0 0,-1 0 43,-5 2 1,2 1 74,-1 1 1,-2 1-171,2 4 0,-1 0-43,0 0 1,-1 4 47,2 1 0,2 2-147,0 3 1,2-1 15,0 3 0,4 3-152,2 2 0,1 1 0,1-1 0,0 1 0,0 1 0,6 2 0,1-4 0,5 1 0,0-1 0,2-4-15,1 2 0,3-6-110,2-2 0,-2 0 24,2-5 0,2 0-32,3-5 1,-1-1-1825,-2-3 1,-2 0 645,-1-1 1,-2-2 183,0 1 0,-3-2-118,-1 1 1,-2 2 195,-1-2 1049,-2 2 0,3-3 0,-4 0 0</inkml:trace>
</inkml:ink>
</file>

<file path=ppt/ink/ink9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49.438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37 1 20261,'-5'0'0,"0"3"0,0 1 644,1 6 1,-2 5 3552,1 5-3190,1 4 0,1 0-406,3 3 1,0 0-225,0 2 1,1 1-154,1-1 0,2 0 220,1 1 0,4-1-615,-2 1 1,3-7 73,-1-1 0,2-4 256,1-1 1,-1-5-3346,-4-2 0,1-5-83,-1-3 1366,-3-1 1903,-1-1 0,-6-7 0,-1-1 0</inkml:trace>
</inkml:ink>
</file>

<file path=ppt/ink/ink9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49.486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8 59 20252,'-4'-8'833,"1"4"-833,3-2 2042,0 5-824,3-2 0,2 0-500,5 1 0,-1-1-280,3 0 0,0 2-974,3-1 0,-3-1 385,1 0 1,-1-2-1771,3 3 1,-1-1 1920,1 3 0,0-3 0,-1-1 0</inkml:trace>
</inkml:ink>
</file>

<file path=ppt/ink/ink9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0.128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37 1 20112,'-7'0'2526,"-1"0"-1543,1 0 0,3 1-465,2 1 1,1 2 322,1 4 1,0 0-308,0 2 1,-3 1-266,1 4 0,-1 3 99,3 1 0,0 3 224,0 0 1,3 0-351,-1 3 0,4-2 1,-1 1-1,1-2-481,2-5 0,-1-1 161,0-6 1,3 0-412,0-3 1,0-3 283,-3-1 1,1-4 24,2-4 0,-2-1-167,2-6 1,-3-1-327,-2-4 0,2 1 351,-2-1 1,-2 0 91,0 2 1,0-1 212,-1 4 0,1-2-43,-3 2 0,0-1 230,0 3-128,0 1-208,0 1 515,0 4 0,0 2 289,0 4 0,0 5-70,0 6 0,1 1-232,1 4 1,0-3-118,2 2 1,1 1-5,3-1 1,0-3 37,2-4 0,-1-2-17,3 0 1,0-4-700,3-2 1,0-2-369,-1-2 0,0-2 123,-2-4 0,0-2 351,-2-3 1,-5 2 20,3-1 0,-3-1 573,0-1 1,-2 0-172,-3 2 1,0-2 134,0 5 0,0-4-81,0 4 0,-3-4-92,-2 4 0,-2-4-446,0 4 0,2-1-1032,0 2 1,0 1 701,-2 0 1,2 3 747,0 1 0,0-1 0,-2 0 0</inkml:trace>
</inkml:ink>
</file>

<file path=ppt/ink/ink9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0.546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125 21 20178,'-7'0'0,"0"-3"0,-1-1 1388,4 0 1285,-2 1-1228,2 3 771,-4-4-1429,1 4 0,0-3 91,-1 6-412,1-3-251,-1 10 1,1-5 0,-4 9 506,7 1-199,-6 0-466,6 6-57,0-2 0,0 0 0,4 2 0,0-2 0,0 0-292,4-1-306,0-4-820,6-2 753,-2-2 378,6-2 21,-5-4-69,4-1 1,-1-3 22,3 0 1,-4-3 353,3-4-312,-6-2 55,3-1-1,-4-1 0,0 0 1,1-4-1,-4 0-53,-1 1 1428,0-1-627,-2 4-215,2-3-176,-3 2 58,0 1-213,-3-3-652,-1 6 0,-3-4 302,-1 2 1,0 2-467,-2-1 1,1 4 352,-3 2 1,2 2 476,-2 1 0,0 0 0,-3 0 0</inkml:trace>
</inkml:ink>
</file>

<file path=ppt/ink/ink9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1.627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7 44 20198,'-4'1'591,"2"2"-476,1-3-28,1 7 0,0-5 28,0 2 1,0 2 86,0 4 985,0-2-738,0 6 1,2-3 887,1 4-671,3 0-170,-6 0 133,7-1-311,-6 1 0,3 0 111,-2-1 57,-1 1-296,2-4 1,-2 3 245,2-5-1,-2 1-309,2-3 119,-3-2 81,0-2-173,0-3-108,0-3 20,0-5 0,-1-1-197,-1-3 0,0-1 199,-3-4 0,3 1 50,0-1 1,1 2-38,1 0-474,0 0 271,0 1 0,0-1-279,0 0 5,0 4 224,0-3 0,3 2-201,2-2 332,2 2-164,0 2 1,1 2-203,2 1 1,-2 2-181,2 0 0,2 3-428,0 0 0,-1 1 565,1 1 0,1 1 26,1 1 425,-2-1 0,2 6 0,-3-3 0</inkml:trace>
</inkml:ink>
</file>

<file path=ppt/ink/ink9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1-06-08T10:58:52.159"/>
    </inkml:context>
    <inkml:brush xml:id="br0">
      <inkml:brushProperty name="width" value="0.025" units="cm"/>
      <inkml:brushProperty name="height" value="0.025" units="cm"/>
      <inkml:brushProperty name="color" value="#008C3A"/>
    </inkml:brush>
  </inkml:definitions>
  <inkml:trace contextRef="#ctx0" brushRef="#br0">8 1 20140,'-4'0'1995,"0"0"-1245,4 0-538,0 0 0,0 6 839,0 4 200,4 3-768,0 5 1,1 1 610,-1 3-559,1 3-109,3 1-14,-1 4-153,0-1 0,-2 1 59,0-1-469,-3 0 200,1-3 1,0 0 116,-1-4 1,3-1 45,-3-1 0,2-5-907,-2-3-1016,-1-6 604,2 4-195,0-9 647,1 2 325,1-3 0,1-3-53,-1-2 1,2-5 59,3-2-187,-2-2 213,3-1 0,-1-2 48,0 0 0,2 0 37,-2 2 0,2 1-15,-2 2 498,-4-2-249,1 6 0,-6-2 1209,4 5-639,-3-1-440,1 5 0,-4-2 18,-1 3 1,-2 4-94,-4 3 2371,-2 4-1564,2 3 0,-5 3-358,3 2 1,-2 1-211,2 4 1,2-1 953,3-1-281,4-3-674,-2 2 1,3-4-316,3 2-55,1-2 110,7-3-399,0 0 308,4-6 1,-1 2 31,1-5 1,1 1-28,1-4 0,-2 1-50,2-3 1,-1 0-59,-1 0 0,-1-1-1540,1-2-1132,0-1 1840,-4-3 0,-1 0-2079,-5-1 1635,1 1 1415,-5-1 0,2-2 0,-3-2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GB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/>
              <a:t>Presentation description/subtitle</a:t>
            </a:r>
            <a:br>
              <a:rPr lang="en-GB"/>
            </a:br>
            <a:r>
              <a:rPr lang="en-GB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GB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GB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GB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GB" altLang="en-US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Chapter/section divider or Statement/fact/quote, </a:t>
            </a:r>
            <a:br>
              <a:rPr lang="en-GB"/>
            </a:br>
            <a:r>
              <a:rPr lang="en-GB"/>
              <a:t>Ericsson Hilda Light 60pt, </a:t>
            </a:r>
            <a:br>
              <a:rPr lang="en-GB"/>
            </a:br>
            <a:r>
              <a:rPr lang="en-GB"/>
              <a:t>Ericsson White, </a:t>
            </a:r>
            <a:br>
              <a:rPr lang="en-GB"/>
            </a:br>
            <a:r>
              <a:rPr lang="en-GB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Statement/quote source, </a:t>
            </a:r>
          </a:p>
          <a:p>
            <a:r>
              <a:rPr lang="en-GB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/>
              <a:t>Chapter/section divider or Statement/fact/quote, </a:t>
            </a:r>
            <a:br>
              <a:rPr lang="en-GB"/>
            </a:br>
            <a:r>
              <a:rPr lang="en-GB"/>
              <a:t>Ericsson Hilda Light 60pt, </a:t>
            </a:r>
            <a:br>
              <a:rPr lang="en-GB"/>
            </a:br>
            <a:r>
              <a:rPr lang="en-GB"/>
              <a:t>Ericsson Black, </a:t>
            </a:r>
            <a:br>
              <a:rPr lang="en-GB"/>
            </a:br>
            <a:r>
              <a:rPr lang="en-GB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/>
              <a:t>Statement/quote source, </a:t>
            </a:r>
          </a:p>
          <a:p>
            <a:r>
              <a:rPr lang="en-GB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/>
              <a:t>Chapter/section, </a:t>
            </a:r>
            <a:br>
              <a:rPr lang="en-GB"/>
            </a:br>
            <a:r>
              <a:rPr lang="en-GB"/>
              <a:t>Ericsson Hilda Light 60pt, Ericsson Black, </a:t>
            </a:r>
            <a:br>
              <a:rPr lang="en-GB"/>
            </a:br>
            <a:r>
              <a:rPr lang="en-GB"/>
              <a:t>max 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GB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GB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GB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GB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GB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GB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Presentation description/subtitle</a:t>
            </a:r>
            <a:br>
              <a:rPr lang="en-GB"/>
            </a:br>
            <a:r>
              <a:rPr lang="en-GB"/>
              <a:t>Ericsson 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GB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GB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/>
              <a:t>Use this layout for presentations using short and crisp headings</a:t>
            </a:r>
            <a:endParaRPr lang="en-GB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GB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GB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GB"/>
              <a:t>Keynote cover page </a:t>
            </a:r>
            <a:br>
              <a:rPr lang="en-GB"/>
            </a:br>
            <a:r>
              <a:rPr lang="en-GB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/>
              <a:t>Speaker,</a:t>
            </a:r>
            <a:br>
              <a:rPr lang="en-GB"/>
            </a:br>
            <a:r>
              <a:rPr lang="en-GB"/>
              <a:t>Ericsson 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GB" sz="2500" b="0" i="0" u="none" strike="noStrike" kern="120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GB"/>
              <a:t>Ericsson </a:t>
            </a:r>
            <a:r>
              <a:rPr kumimoji="0" lang="en-GB" sz="2500" b="0" i="0" u="none" strike="noStrike" kern="1200" cap="none" spc="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GB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Keynote cover page </a:t>
            </a:r>
            <a:br>
              <a:rPr lang="en-GB"/>
            </a:br>
            <a:r>
              <a:rPr lang="en-GB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Speaker,</a:t>
            </a:r>
            <a:br>
              <a:rPr lang="en-GB"/>
            </a:br>
            <a:r>
              <a:rPr lang="en-GB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GB"/>
              <a:t>For heading, use Ericsson Hilda in bold. For copy and bullets, use Ericsson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GB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3"/>
            <a:endParaRPr lang="en-GB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3"/>
            <a:endParaRPr lang="en-GB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GB"/>
              <a:t>For heading, use Ericsson Hilda in bold. For copy and bullets, use E. Hilda.</a:t>
            </a:r>
          </a:p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GB" sz="1400" b="1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GB" sz="1400" b="1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GB" sz="140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GB" sz="1400" err="1">
                <a:solidFill>
                  <a:schemeClr val="tx1"/>
                </a:solidFill>
              </a:rPr>
              <a:t>abcdefghijklmnopqrstuvwxyz</a:t>
            </a:r>
            <a:r>
              <a:rPr lang="en-GB" sz="140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GB" sz="1400" err="1">
                <a:solidFill>
                  <a:schemeClr val="tx1"/>
                </a:solidFill>
              </a:rPr>
              <a:t>ẀẁẃẄẅỲỳ</a:t>
            </a:r>
            <a:r>
              <a:rPr lang="en-GB" sz="140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GB" sz="140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GB" sz="140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GB" sz="140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GB" sz="140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GB" sz="140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GB" sz="1400" b="1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GB" sz="1400" b="1" err="1">
                <a:solidFill>
                  <a:schemeClr val="tx1"/>
                </a:solidFill>
              </a:rPr>
              <a:t>abcdefghijklmnopqrstuvwxyz</a:t>
            </a:r>
            <a:r>
              <a:rPr lang="en-GB" sz="1400" b="1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GB" sz="1400" b="1" err="1">
                <a:solidFill>
                  <a:schemeClr val="tx1"/>
                </a:solidFill>
              </a:rPr>
              <a:t>ẀẁẃẄẅỲỳ</a:t>
            </a:r>
            <a:r>
              <a:rPr lang="en-GB" sz="1400" b="1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GB" sz="1400" b="1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GB" sz="1400" b="1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GB" sz="140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GB" sz="1400" b="1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GB" sz="1400" b="1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GB" sz="140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GB" sz="14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GB" sz="14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GB" sz="14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GB" sz="14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GB" sz="14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GB" sz="14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GB" sz="14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GB" sz="14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GB" sz="14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GB" sz="14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GB" sz="140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GB" sz="140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GB" sz="14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GB" sz="14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GB" sz="14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GB"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GB" sz="14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GB" sz="14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GB" sz="14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GB" sz="14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GB" sz="14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GB" sz="14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GB" sz="14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GB" sz="14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GB" sz="14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GB" sz="14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GB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Chapter/section divider or Statement/fact/quote, </a:t>
            </a:r>
            <a:br>
              <a:rPr lang="en-GB"/>
            </a:br>
            <a:r>
              <a:rPr lang="en-GB"/>
              <a:t>Ericsson Hilda Light 60pt, </a:t>
            </a:r>
            <a:br>
              <a:rPr lang="en-GB"/>
            </a:br>
            <a:r>
              <a:rPr lang="en-GB"/>
              <a:t>Ericsson White, </a:t>
            </a:r>
            <a:br>
              <a:rPr lang="en-GB"/>
            </a:br>
            <a:r>
              <a:rPr lang="en-GB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Statement/quote source, </a:t>
            </a:r>
          </a:p>
          <a:p>
            <a:r>
              <a:rPr lang="en-GB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GB" altLang="en-US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Chapter/section divider or Statement/fact/quote, </a:t>
            </a:r>
            <a:br>
              <a:rPr lang="en-GB"/>
            </a:br>
            <a:r>
              <a:rPr lang="en-GB"/>
              <a:t>Ericsson Hilda Light 60pt, </a:t>
            </a:r>
            <a:br>
              <a:rPr lang="en-GB"/>
            </a:br>
            <a:r>
              <a:rPr lang="en-GB"/>
              <a:t>Ericsson White, </a:t>
            </a:r>
            <a:br>
              <a:rPr lang="en-GB"/>
            </a:br>
            <a:r>
              <a:rPr lang="en-GB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Statement/quote source, </a:t>
            </a:r>
          </a:p>
          <a:p>
            <a:r>
              <a:rPr lang="en-GB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GB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Chapter/section divider or Statement/fact/quote, </a:t>
            </a:r>
            <a:br>
              <a:rPr lang="en-GB"/>
            </a:br>
            <a:r>
              <a:rPr lang="en-GB"/>
              <a:t>Ericsson Hilda Light 60pt, </a:t>
            </a:r>
            <a:br>
              <a:rPr lang="en-GB"/>
            </a:br>
            <a:r>
              <a:rPr lang="en-GB"/>
              <a:t>Ericsson White, </a:t>
            </a:r>
            <a:br>
              <a:rPr lang="en-GB"/>
            </a:br>
            <a:r>
              <a:rPr lang="en-GB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Statement/quote source, </a:t>
            </a:r>
          </a:p>
          <a:p>
            <a:r>
              <a:rPr lang="en-GB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GB" altLang="en-US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Chapter/section divider or Statement/fact/quote, </a:t>
            </a:r>
            <a:br>
              <a:rPr lang="en-GB"/>
            </a:br>
            <a:r>
              <a:rPr lang="en-GB"/>
              <a:t>Ericsson Hilda Light 60pt, </a:t>
            </a:r>
            <a:br>
              <a:rPr lang="en-GB"/>
            </a:br>
            <a:r>
              <a:rPr lang="en-GB"/>
              <a:t>Ericsson White, </a:t>
            </a:r>
            <a:br>
              <a:rPr lang="en-GB"/>
            </a:br>
            <a:r>
              <a:rPr lang="en-GB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Statement/quote source, </a:t>
            </a:r>
          </a:p>
          <a:p>
            <a:r>
              <a:rPr lang="en-GB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GB" altLang="en-US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Chapter/section divider or Statement/fact/quote, </a:t>
            </a:r>
            <a:br>
              <a:rPr lang="en-GB"/>
            </a:br>
            <a:r>
              <a:rPr lang="en-GB"/>
              <a:t>Ericsson Hilda Light 60pt, </a:t>
            </a:r>
            <a:br>
              <a:rPr lang="en-GB"/>
            </a:br>
            <a:r>
              <a:rPr lang="en-GB"/>
              <a:t>Ericsson White, </a:t>
            </a:r>
            <a:br>
              <a:rPr lang="en-GB"/>
            </a:br>
            <a:r>
              <a:rPr lang="en-GB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Statement/quote source, </a:t>
            </a:r>
          </a:p>
          <a:p>
            <a:r>
              <a:rPr lang="en-GB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GB" sz="800" b="0" i="0" u="none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GB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GB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9e1f829e-5a7e-46be-b10e-7eb82d8215ee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8.xml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3.xml.rels><?xml version="1.0" encoding="UTF-8" standalone="yes"?>
<Relationships xmlns="http://schemas.openxmlformats.org/package/2006/relationships"><Relationship Id="rId117" Type="http://schemas.openxmlformats.org/officeDocument/2006/relationships/image" Target="../media/image69.png"/><Relationship Id="rId299" Type="http://schemas.openxmlformats.org/officeDocument/2006/relationships/image" Target="../media/image160.png"/><Relationship Id="rId21" Type="http://schemas.openxmlformats.org/officeDocument/2006/relationships/image" Target="../media/image21.png"/><Relationship Id="rId63" Type="http://schemas.openxmlformats.org/officeDocument/2006/relationships/image" Target="../media/image42.png"/><Relationship Id="rId159" Type="http://schemas.openxmlformats.org/officeDocument/2006/relationships/image" Target="../media/image90.png"/><Relationship Id="rId324" Type="http://schemas.openxmlformats.org/officeDocument/2006/relationships/customXml" Target="../ink/ink156.xml"/><Relationship Id="rId170" Type="http://schemas.openxmlformats.org/officeDocument/2006/relationships/customXml" Target="../ink/ink79.xml"/><Relationship Id="rId226" Type="http://schemas.openxmlformats.org/officeDocument/2006/relationships/customXml" Target="../ink/ink107.xml"/><Relationship Id="rId268" Type="http://schemas.openxmlformats.org/officeDocument/2006/relationships/customXml" Target="../ink/ink128.xml"/><Relationship Id="rId32" Type="http://schemas.openxmlformats.org/officeDocument/2006/relationships/customXml" Target="../ink/ink10.xml"/><Relationship Id="rId74" Type="http://schemas.openxmlformats.org/officeDocument/2006/relationships/customXml" Target="../ink/ink31.xml"/><Relationship Id="rId128" Type="http://schemas.openxmlformats.org/officeDocument/2006/relationships/customXml" Target="../ink/ink58.xml"/><Relationship Id="rId335" Type="http://schemas.openxmlformats.org/officeDocument/2006/relationships/image" Target="../media/image178.png"/><Relationship Id="rId5" Type="http://schemas.openxmlformats.org/officeDocument/2006/relationships/image" Target="../media/image9.svg"/><Relationship Id="rId181" Type="http://schemas.openxmlformats.org/officeDocument/2006/relationships/image" Target="../media/image101.png"/><Relationship Id="rId237" Type="http://schemas.openxmlformats.org/officeDocument/2006/relationships/image" Target="../media/image129.png"/><Relationship Id="rId279" Type="http://schemas.openxmlformats.org/officeDocument/2006/relationships/image" Target="../media/image150.png"/><Relationship Id="rId43" Type="http://schemas.openxmlformats.org/officeDocument/2006/relationships/image" Target="../media/image32.png"/><Relationship Id="rId139" Type="http://schemas.openxmlformats.org/officeDocument/2006/relationships/image" Target="../media/image80.png"/><Relationship Id="rId290" Type="http://schemas.openxmlformats.org/officeDocument/2006/relationships/customXml" Target="../ink/ink139.xml"/><Relationship Id="rId304" Type="http://schemas.openxmlformats.org/officeDocument/2006/relationships/customXml" Target="../ink/ink146.xml"/><Relationship Id="rId346" Type="http://schemas.openxmlformats.org/officeDocument/2006/relationships/customXml" Target="../ink/ink167.xml"/><Relationship Id="rId85" Type="http://schemas.openxmlformats.org/officeDocument/2006/relationships/image" Target="../media/image53.png"/><Relationship Id="rId150" Type="http://schemas.openxmlformats.org/officeDocument/2006/relationships/customXml" Target="../ink/ink69.xml"/><Relationship Id="rId192" Type="http://schemas.openxmlformats.org/officeDocument/2006/relationships/customXml" Target="../ink/ink90.xml"/><Relationship Id="rId206" Type="http://schemas.openxmlformats.org/officeDocument/2006/relationships/customXml" Target="../ink/ink97.xml"/><Relationship Id="rId248" Type="http://schemas.openxmlformats.org/officeDocument/2006/relationships/customXml" Target="../ink/ink118.xml"/><Relationship Id="rId12" Type="http://schemas.openxmlformats.org/officeDocument/2006/relationships/image" Target="../media/image16.png"/><Relationship Id="rId108" Type="http://schemas.openxmlformats.org/officeDocument/2006/relationships/customXml" Target="../ink/ink48.xml"/><Relationship Id="rId315" Type="http://schemas.openxmlformats.org/officeDocument/2006/relationships/image" Target="../media/image168.png"/><Relationship Id="rId54" Type="http://schemas.openxmlformats.org/officeDocument/2006/relationships/customXml" Target="../ink/ink21.xml"/><Relationship Id="rId96" Type="http://schemas.openxmlformats.org/officeDocument/2006/relationships/customXml" Target="../ink/ink42.xml"/><Relationship Id="rId161" Type="http://schemas.openxmlformats.org/officeDocument/2006/relationships/image" Target="../media/image91.png"/><Relationship Id="rId217" Type="http://schemas.openxmlformats.org/officeDocument/2006/relationships/image" Target="../media/image119.png"/><Relationship Id="rId259" Type="http://schemas.openxmlformats.org/officeDocument/2006/relationships/image" Target="../media/image140.png"/><Relationship Id="rId23" Type="http://schemas.openxmlformats.org/officeDocument/2006/relationships/image" Target="../media/image22.png"/><Relationship Id="rId119" Type="http://schemas.openxmlformats.org/officeDocument/2006/relationships/image" Target="../media/image70.png"/><Relationship Id="rId270" Type="http://schemas.openxmlformats.org/officeDocument/2006/relationships/customXml" Target="../ink/ink129.xml"/><Relationship Id="rId326" Type="http://schemas.openxmlformats.org/officeDocument/2006/relationships/customXml" Target="../ink/ink157.xml"/><Relationship Id="rId65" Type="http://schemas.openxmlformats.org/officeDocument/2006/relationships/image" Target="../media/image43.png"/><Relationship Id="rId130" Type="http://schemas.openxmlformats.org/officeDocument/2006/relationships/customXml" Target="../ink/ink59.xml"/><Relationship Id="rId172" Type="http://schemas.openxmlformats.org/officeDocument/2006/relationships/customXml" Target="../ink/ink80.xml"/><Relationship Id="rId228" Type="http://schemas.openxmlformats.org/officeDocument/2006/relationships/customXml" Target="../ink/ink108.xml"/><Relationship Id="rId281" Type="http://schemas.openxmlformats.org/officeDocument/2006/relationships/image" Target="../media/image151.png"/><Relationship Id="rId337" Type="http://schemas.openxmlformats.org/officeDocument/2006/relationships/image" Target="../media/image179.png"/><Relationship Id="rId34" Type="http://schemas.openxmlformats.org/officeDocument/2006/relationships/customXml" Target="../ink/ink11.xml"/><Relationship Id="rId76" Type="http://schemas.openxmlformats.org/officeDocument/2006/relationships/customXml" Target="../ink/ink32.xml"/><Relationship Id="rId141" Type="http://schemas.openxmlformats.org/officeDocument/2006/relationships/image" Target="../media/image81.png"/><Relationship Id="rId7" Type="http://schemas.openxmlformats.org/officeDocument/2006/relationships/image" Target="../media/image11.svg"/><Relationship Id="rId183" Type="http://schemas.openxmlformats.org/officeDocument/2006/relationships/image" Target="../media/image102.png"/><Relationship Id="rId239" Type="http://schemas.openxmlformats.org/officeDocument/2006/relationships/image" Target="../media/image130.png"/><Relationship Id="rId250" Type="http://schemas.openxmlformats.org/officeDocument/2006/relationships/customXml" Target="../ink/ink119.xml"/><Relationship Id="rId292" Type="http://schemas.openxmlformats.org/officeDocument/2006/relationships/customXml" Target="../ink/ink140.xml"/><Relationship Id="rId306" Type="http://schemas.openxmlformats.org/officeDocument/2006/relationships/customXml" Target="../ink/ink147.xml"/><Relationship Id="rId45" Type="http://schemas.openxmlformats.org/officeDocument/2006/relationships/image" Target="../media/image33.png"/><Relationship Id="rId87" Type="http://schemas.openxmlformats.org/officeDocument/2006/relationships/image" Target="../media/image54.png"/><Relationship Id="rId110" Type="http://schemas.openxmlformats.org/officeDocument/2006/relationships/customXml" Target="../ink/ink49.xml"/><Relationship Id="rId348" Type="http://schemas.openxmlformats.org/officeDocument/2006/relationships/customXml" Target="../ink/ink168.xml"/><Relationship Id="rId152" Type="http://schemas.openxmlformats.org/officeDocument/2006/relationships/customXml" Target="../ink/ink70.xml"/><Relationship Id="rId194" Type="http://schemas.openxmlformats.org/officeDocument/2006/relationships/customXml" Target="../ink/ink91.xml"/><Relationship Id="rId208" Type="http://schemas.openxmlformats.org/officeDocument/2006/relationships/customXml" Target="../ink/ink98.xml"/><Relationship Id="rId261" Type="http://schemas.openxmlformats.org/officeDocument/2006/relationships/image" Target="../media/image141.png"/><Relationship Id="rId14" Type="http://schemas.openxmlformats.org/officeDocument/2006/relationships/customXml" Target="../ink/ink1.xml"/><Relationship Id="rId56" Type="http://schemas.openxmlformats.org/officeDocument/2006/relationships/customXml" Target="../ink/ink22.xml"/><Relationship Id="rId317" Type="http://schemas.openxmlformats.org/officeDocument/2006/relationships/image" Target="../media/image169.png"/><Relationship Id="rId8" Type="http://schemas.openxmlformats.org/officeDocument/2006/relationships/image" Target="../media/image12.png"/><Relationship Id="rId98" Type="http://schemas.openxmlformats.org/officeDocument/2006/relationships/customXml" Target="../ink/ink43.xml"/><Relationship Id="rId121" Type="http://schemas.openxmlformats.org/officeDocument/2006/relationships/image" Target="../media/image71.png"/><Relationship Id="rId142" Type="http://schemas.openxmlformats.org/officeDocument/2006/relationships/customXml" Target="../ink/ink65.xml"/><Relationship Id="rId163" Type="http://schemas.openxmlformats.org/officeDocument/2006/relationships/image" Target="../media/image92.png"/><Relationship Id="rId184" Type="http://schemas.openxmlformats.org/officeDocument/2006/relationships/customXml" Target="../ink/ink86.xml"/><Relationship Id="rId219" Type="http://schemas.openxmlformats.org/officeDocument/2006/relationships/image" Target="../media/image120.png"/><Relationship Id="rId230" Type="http://schemas.openxmlformats.org/officeDocument/2006/relationships/customXml" Target="../ink/ink109.xml"/><Relationship Id="rId251" Type="http://schemas.openxmlformats.org/officeDocument/2006/relationships/image" Target="../media/image136.png"/><Relationship Id="rId25" Type="http://schemas.openxmlformats.org/officeDocument/2006/relationships/image" Target="../media/image23.png"/><Relationship Id="rId46" Type="http://schemas.openxmlformats.org/officeDocument/2006/relationships/customXml" Target="../ink/ink17.xml"/><Relationship Id="rId67" Type="http://schemas.openxmlformats.org/officeDocument/2006/relationships/image" Target="../media/image44.png"/><Relationship Id="rId272" Type="http://schemas.openxmlformats.org/officeDocument/2006/relationships/customXml" Target="../ink/ink130.xml"/><Relationship Id="rId293" Type="http://schemas.openxmlformats.org/officeDocument/2006/relationships/image" Target="../media/image157.png"/><Relationship Id="rId307" Type="http://schemas.openxmlformats.org/officeDocument/2006/relationships/image" Target="../media/image164.png"/><Relationship Id="rId328" Type="http://schemas.openxmlformats.org/officeDocument/2006/relationships/customXml" Target="../ink/ink158.xml"/><Relationship Id="rId349" Type="http://schemas.openxmlformats.org/officeDocument/2006/relationships/image" Target="../media/image185.png"/><Relationship Id="rId88" Type="http://schemas.openxmlformats.org/officeDocument/2006/relationships/customXml" Target="../ink/ink38.xml"/><Relationship Id="rId111" Type="http://schemas.openxmlformats.org/officeDocument/2006/relationships/image" Target="../media/image66.png"/><Relationship Id="rId132" Type="http://schemas.openxmlformats.org/officeDocument/2006/relationships/customXml" Target="../ink/ink60.xml"/><Relationship Id="rId153" Type="http://schemas.openxmlformats.org/officeDocument/2006/relationships/image" Target="../media/image87.png"/><Relationship Id="rId174" Type="http://schemas.openxmlformats.org/officeDocument/2006/relationships/customXml" Target="../ink/ink81.xml"/><Relationship Id="rId195" Type="http://schemas.openxmlformats.org/officeDocument/2006/relationships/image" Target="../media/image108.png"/><Relationship Id="rId209" Type="http://schemas.openxmlformats.org/officeDocument/2006/relationships/image" Target="../media/image115.png"/><Relationship Id="rId220" Type="http://schemas.openxmlformats.org/officeDocument/2006/relationships/customXml" Target="../ink/ink104.xml"/><Relationship Id="rId241" Type="http://schemas.openxmlformats.org/officeDocument/2006/relationships/image" Target="../media/image131.png"/><Relationship Id="rId15" Type="http://schemas.openxmlformats.org/officeDocument/2006/relationships/image" Target="../media/image18.png"/><Relationship Id="rId36" Type="http://schemas.openxmlformats.org/officeDocument/2006/relationships/customXml" Target="../ink/ink12.xml"/><Relationship Id="rId57" Type="http://schemas.openxmlformats.org/officeDocument/2006/relationships/image" Target="../media/image39.png"/><Relationship Id="rId262" Type="http://schemas.openxmlformats.org/officeDocument/2006/relationships/customXml" Target="../ink/ink125.xml"/><Relationship Id="rId283" Type="http://schemas.openxmlformats.org/officeDocument/2006/relationships/image" Target="../media/image152.png"/><Relationship Id="rId318" Type="http://schemas.openxmlformats.org/officeDocument/2006/relationships/customXml" Target="../ink/ink153.xml"/><Relationship Id="rId339" Type="http://schemas.openxmlformats.org/officeDocument/2006/relationships/image" Target="../media/image180.png"/><Relationship Id="rId78" Type="http://schemas.openxmlformats.org/officeDocument/2006/relationships/customXml" Target="../ink/ink33.xml"/><Relationship Id="rId99" Type="http://schemas.openxmlformats.org/officeDocument/2006/relationships/image" Target="../media/image60.png"/><Relationship Id="rId101" Type="http://schemas.openxmlformats.org/officeDocument/2006/relationships/image" Target="../media/image61.png"/><Relationship Id="rId122" Type="http://schemas.openxmlformats.org/officeDocument/2006/relationships/customXml" Target="../ink/ink55.xml"/><Relationship Id="rId143" Type="http://schemas.openxmlformats.org/officeDocument/2006/relationships/image" Target="../media/image82.png"/><Relationship Id="rId164" Type="http://schemas.openxmlformats.org/officeDocument/2006/relationships/customXml" Target="../ink/ink76.xml"/><Relationship Id="rId185" Type="http://schemas.openxmlformats.org/officeDocument/2006/relationships/image" Target="../media/image103.png"/><Relationship Id="rId350" Type="http://schemas.openxmlformats.org/officeDocument/2006/relationships/customXml" Target="../ink/ink169.xml"/><Relationship Id="rId9" Type="http://schemas.openxmlformats.org/officeDocument/2006/relationships/image" Target="../media/image13.svg"/><Relationship Id="rId210" Type="http://schemas.openxmlformats.org/officeDocument/2006/relationships/customXml" Target="../ink/ink99.xml"/><Relationship Id="rId26" Type="http://schemas.openxmlformats.org/officeDocument/2006/relationships/customXml" Target="../ink/ink7.xml"/><Relationship Id="rId231" Type="http://schemas.openxmlformats.org/officeDocument/2006/relationships/image" Target="../media/image126.png"/><Relationship Id="rId252" Type="http://schemas.openxmlformats.org/officeDocument/2006/relationships/customXml" Target="../ink/ink120.xml"/><Relationship Id="rId273" Type="http://schemas.openxmlformats.org/officeDocument/2006/relationships/image" Target="../media/image147.png"/><Relationship Id="rId294" Type="http://schemas.openxmlformats.org/officeDocument/2006/relationships/customXml" Target="../ink/ink141.xml"/><Relationship Id="rId308" Type="http://schemas.openxmlformats.org/officeDocument/2006/relationships/customXml" Target="../ink/ink148.xml"/><Relationship Id="rId329" Type="http://schemas.openxmlformats.org/officeDocument/2006/relationships/image" Target="../media/image175.png"/><Relationship Id="rId47" Type="http://schemas.openxmlformats.org/officeDocument/2006/relationships/image" Target="../media/image34.png"/><Relationship Id="rId68" Type="http://schemas.openxmlformats.org/officeDocument/2006/relationships/customXml" Target="../ink/ink28.xml"/><Relationship Id="rId89" Type="http://schemas.openxmlformats.org/officeDocument/2006/relationships/image" Target="../media/image55.png"/><Relationship Id="rId112" Type="http://schemas.openxmlformats.org/officeDocument/2006/relationships/customXml" Target="../ink/ink50.xml"/><Relationship Id="rId133" Type="http://schemas.openxmlformats.org/officeDocument/2006/relationships/image" Target="../media/image77.png"/><Relationship Id="rId154" Type="http://schemas.openxmlformats.org/officeDocument/2006/relationships/customXml" Target="../ink/ink71.xml"/><Relationship Id="rId175" Type="http://schemas.openxmlformats.org/officeDocument/2006/relationships/image" Target="../media/image98.png"/><Relationship Id="rId340" Type="http://schemas.openxmlformats.org/officeDocument/2006/relationships/customXml" Target="../ink/ink164.xml"/><Relationship Id="rId196" Type="http://schemas.openxmlformats.org/officeDocument/2006/relationships/customXml" Target="../ink/ink92.xml"/><Relationship Id="rId200" Type="http://schemas.openxmlformats.org/officeDocument/2006/relationships/customXml" Target="../ink/ink94.xml"/><Relationship Id="rId16" Type="http://schemas.openxmlformats.org/officeDocument/2006/relationships/customXml" Target="../ink/ink2.xml"/><Relationship Id="rId221" Type="http://schemas.openxmlformats.org/officeDocument/2006/relationships/image" Target="../media/image121.png"/><Relationship Id="rId242" Type="http://schemas.openxmlformats.org/officeDocument/2006/relationships/customXml" Target="../ink/ink115.xml"/><Relationship Id="rId263" Type="http://schemas.openxmlformats.org/officeDocument/2006/relationships/image" Target="../media/image142.png"/><Relationship Id="rId284" Type="http://schemas.openxmlformats.org/officeDocument/2006/relationships/customXml" Target="../ink/ink136.xml"/><Relationship Id="rId319" Type="http://schemas.openxmlformats.org/officeDocument/2006/relationships/image" Target="../media/image170.png"/><Relationship Id="rId37" Type="http://schemas.openxmlformats.org/officeDocument/2006/relationships/image" Target="../media/image29.png"/><Relationship Id="rId58" Type="http://schemas.openxmlformats.org/officeDocument/2006/relationships/customXml" Target="../ink/ink23.xml"/><Relationship Id="rId79" Type="http://schemas.openxmlformats.org/officeDocument/2006/relationships/image" Target="../media/image50.png"/><Relationship Id="rId102" Type="http://schemas.openxmlformats.org/officeDocument/2006/relationships/customXml" Target="../ink/ink45.xml"/><Relationship Id="rId123" Type="http://schemas.openxmlformats.org/officeDocument/2006/relationships/image" Target="../media/image72.png"/><Relationship Id="rId144" Type="http://schemas.openxmlformats.org/officeDocument/2006/relationships/customXml" Target="../ink/ink66.xml"/><Relationship Id="rId330" Type="http://schemas.openxmlformats.org/officeDocument/2006/relationships/customXml" Target="../ink/ink159.xml"/><Relationship Id="rId90" Type="http://schemas.openxmlformats.org/officeDocument/2006/relationships/customXml" Target="../ink/ink39.xml"/><Relationship Id="rId165" Type="http://schemas.openxmlformats.org/officeDocument/2006/relationships/image" Target="../media/image93.png"/><Relationship Id="rId186" Type="http://schemas.openxmlformats.org/officeDocument/2006/relationships/customXml" Target="../ink/ink87.xml"/><Relationship Id="rId351" Type="http://schemas.openxmlformats.org/officeDocument/2006/relationships/image" Target="../media/image186.png"/><Relationship Id="rId211" Type="http://schemas.openxmlformats.org/officeDocument/2006/relationships/image" Target="../media/image116.png"/><Relationship Id="rId232" Type="http://schemas.openxmlformats.org/officeDocument/2006/relationships/customXml" Target="../ink/ink110.xml"/><Relationship Id="rId253" Type="http://schemas.openxmlformats.org/officeDocument/2006/relationships/image" Target="../media/image137.png"/><Relationship Id="rId274" Type="http://schemas.openxmlformats.org/officeDocument/2006/relationships/customXml" Target="../ink/ink131.xml"/><Relationship Id="rId295" Type="http://schemas.openxmlformats.org/officeDocument/2006/relationships/image" Target="../media/image158.png"/><Relationship Id="rId309" Type="http://schemas.openxmlformats.org/officeDocument/2006/relationships/image" Target="../media/image165.png"/><Relationship Id="rId27" Type="http://schemas.openxmlformats.org/officeDocument/2006/relationships/image" Target="../media/image24.png"/><Relationship Id="rId48" Type="http://schemas.openxmlformats.org/officeDocument/2006/relationships/customXml" Target="../ink/ink18.xml"/><Relationship Id="rId69" Type="http://schemas.openxmlformats.org/officeDocument/2006/relationships/image" Target="../media/image45.png"/><Relationship Id="rId113" Type="http://schemas.openxmlformats.org/officeDocument/2006/relationships/image" Target="../media/image67.png"/><Relationship Id="rId134" Type="http://schemas.openxmlformats.org/officeDocument/2006/relationships/customXml" Target="../ink/ink61.xml"/><Relationship Id="rId320" Type="http://schemas.openxmlformats.org/officeDocument/2006/relationships/customXml" Target="../ink/ink154.xml"/><Relationship Id="rId80" Type="http://schemas.openxmlformats.org/officeDocument/2006/relationships/customXml" Target="../ink/ink34.xml"/><Relationship Id="rId155" Type="http://schemas.openxmlformats.org/officeDocument/2006/relationships/image" Target="../media/image88.png"/><Relationship Id="rId176" Type="http://schemas.openxmlformats.org/officeDocument/2006/relationships/customXml" Target="../ink/ink82.xml"/><Relationship Id="rId197" Type="http://schemas.openxmlformats.org/officeDocument/2006/relationships/image" Target="../media/image109.png"/><Relationship Id="rId341" Type="http://schemas.openxmlformats.org/officeDocument/2006/relationships/image" Target="../media/image181.png"/><Relationship Id="rId201" Type="http://schemas.openxmlformats.org/officeDocument/2006/relationships/image" Target="../media/image111.png"/><Relationship Id="rId222" Type="http://schemas.openxmlformats.org/officeDocument/2006/relationships/customXml" Target="../ink/ink105.xml"/><Relationship Id="rId243" Type="http://schemas.openxmlformats.org/officeDocument/2006/relationships/image" Target="../media/image132.png"/><Relationship Id="rId264" Type="http://schemas.openxmlformats.org/officeDocument/2006/relationships/customXml" Target="../ink/ink126.xml"/><Relationship Id="rId285" Type="http://schemas.openxmlformats.org/officeDocument/2006/relationships/image" Target="../media/image153.png"/><Relationship Id="rId17" Type="http://schemas.openxmlformats.org/officeDocument/2006/relationships/image" Target="../media/image19.png"/><Relationship Id="rId38" Type="http://schemas.openxmlformats.org/officeDocument/2006/relationships/customXml" Target="../ink/ink13.xml"/><Relationship Id="rId59" Type="http://schemas.openxmlformats.org/officeDocument/2006/relationships/image" Target="../media/image40.png"/><Relationship Id="rId103" Type="http://schemas.openxmlformats.org/officeDocument/2006/relationships/image" Target="../media/image62.png"/><Relationship Id="rId124" Type="http://schemas.openxmlformats.org/officeDocument/2006/relationships/customXml" Target="../ink/ink56.xml"/><Relationship Id="rId310" Type="http://schemas.openxmlformats.org/officeDocument/2006/relationships/customXml" Target="../ink/ink149.xml"/><Relationship Id="rId70" Type="http://schemas.openxmlformats.org/officeDocument/2006/relationships/customXml" Target="../ink/ink29.xml"/><Relationship Id="rId91" Type="http://schemas.openxmlformats.org/officeDocument/2006/relationships/image" Target="../media/image56.png"/><Relationship Id="rId145" Type="http://schemas.openxmlformats.org/officeDocument/2006/relationships/image" Target="../media/image83.png"/><Relationship Id="rId166" Type="http://schemas.openxmlformats.org/officeDocument/2006/relationships/customXml" Target="../ink/ink77.xml"/><Relationship Id="rId187" Type="http://schemas.openxmlformats.org/officeDocument/2006/relationships/image" Target="../media/image104.png"/><Relationship Id="rId331" Type="http://schemas.openxmlformats.org/officeDocument/2006/relationships/image" Target="../media/image176.png"/><Relationship Id="rId1" Type="http://schemas.openxmlformats.org/officeDocument/2006/relationships/customXml" Target="../../customXml/item16.xml"/><Relationship Id="rId212" Type="http://schemas.openxmlformats.org/officeDocument/2006/relationships/customXml" Target="../ink/ink100.xml"/><Relationship Id="rId233" Type="http://schemas.openxmlformats.org/officeDocument/2006/relationships/image" Target="../media/image127.png"/><Relationship Id="rId254" Type="http://schemas.openxmlformats.org/officeDocument/2006/relationships/customXml" Target="../ink/ink121.xml"/><Relationship Id="rId28" Type="http://schemas.openxmlformats.org/officeDocument/2006/relationships/customXml" Target="../ink/ink8.xml"/><Relationship Id="rId49" Type="http://schemas.openxmlformats.org/officeDocument/2006/relationships/image" Target="../media/image35.png"/><Relationship Id="rId114" Type="http://schemas.openxmlformats.org/officeDocument/2006/relationships/customXml" Target="../ink/ink51.xml"/><Relationship Id="rId275" Type="http://schemas.openxmlformats.org/officeDocument/2006/relationships/image" Target="../media/image148.png"/><Relationship Id="rId296" Type="http://schemas.openxmlformats.org/officeDocument/2006/relationships/customXml" Target="../ink/ink142.xml"/><Relationship Id="rId300" Type="http://schemas.openxmlformats.org/officeDocument/2006/relationships/customXml" Target="../ink/ink144.xml"/><Relationship Id="rId60" Type="http://schemas.openxmlformats.org/officeDocument/2006/relationships/customXml" Target="../ink/ink24.xml"/><Relationship Id="rId81" Type="http://schemas.openxmlformats.org/officeDocument/2006/relationships/image" Target="../media/image51.png"/><Relationship Id="rId135" Type="http://schemas.openxmlformats.org/officeDocument/2006/relationships/image" Target="../media/image78.png"/><Relationship Id="rId156" Type="http://schemas.openxmlformats.org/officeDocument/2006/relationships/customXml" Target="../ink/ink72.xml"/><Relationship Id="rId177" Type="http://schemas.openxmlformats.org/officeDocument/2006/relationships/image" Target="../media/image99.png"/><Relationship Id="rId198" Type="http://schemas.openxmlformats.org/officeDocument/2006/relationships/customXml" Target="../ink/ink93.xml"/><Relationship Id="rId321" Type="http://schemas.openxmlformats.org/officeDocument/2006/relationships/image" Target="../media/image171.png"/><Relationship Id="rId342" Type="http://schemas.openxmlformats.org/officeDocument/2006/relationships/customXml" Target="../ink/ink165.xml"/><Relationship Id="rId202" Type="http://schemas.openxmlformats.org/officeDocument/2006/relationships/customXml" Target="../ink/ink95.xml"/><Relationship Id="rId223" Type="http://schemas.openxmlformats.org/officeDocument/2006/relationships/image" Target="../media/image122.png"/><Relationship Id="rId244" Type="http://schemas.openxmlformats.org/officeDocument/2006/relationships/customXml" Target="../ink/ink116.xml"/><Relationship Id="rId18" Type="http://schemas.openxmlformats.org/officeDocument/2006/relationships/customXml" Target="../ink/ink3.xml"/><Relationship Id="rId39" Type="http://schemas.openxmlformats.org/officeDocument/2006/relationships/image" Target="../media/image30.png"/><Relationship Id="rId265" Type="http://schemas.openxmlformats.org/officeDocument/2006/relationships/image" Target="../media/image143.png"/><Relationship Id="rId286" Type="http://schemas.openxmlformats.org/officeDocument/2006/relationships/customXml" Target="../ink/ink137.xml"/><Relationship Id="rId50" Type="http://schemas.openxmlformats.org/officeDocument/2006/relationships/customXml" Target="../ink/ink19.xml"/><Relationship Id="rId104" Type="http://schemas.openxmlformats.org/officeDocument/2006/relationships/customXml" Target="../ink/ink46.xml"/><Relationship Id="rId125" Type="http://schemas.openxmlformats.org/officeDocument/2006/relationships/image" Target="../media/image73.png"/><Relationship Id="rId146" Type="http://schemas.openxmlformats.org/officeDocument/2006/relationships/customXml" Target="../ink/ink67.xml"/><Relationship Id="rId167" Type="http://schemas.openxmlformats.org/officeDocument/2006/relationships/image" Target="../media/image94.png"/><Relationship Id="rId188" Type="http://schemas.openxmlformats.org/officeDocument/2006/relationships/customXml" Target="../ink/ink88.xml"/><Relationship Id="rId311" Type="http://schemas.openxmlformats.org/officeDocument/2006/relationships/image" Target="../media/image166.png"/><Relationship Id="rId332" Type="http://schemas.openxmlformats.org/officeDocument/2006/relationships/customXml" Target="../ink/ink160.xml"/><Relationship Id="rId71" Type="http://schemas.openxmlformats.org/officeDocument/2006/relationships/image" Target="../media/image46.png"/><Relationship Id="rId92" Type="http://schemas.openxmlformats.org/officeDocument/2006/relationships/customXml" Target="../ink/ink40.xml"/><Relationship Id="rId213" Type="http://schemas.openxmlformats.org/officeDocument/2006/relationships/image" Target="../media/image117.png"/><Relationship Id="rId234" Type="http://schemas.openxmlformats.org/officeDocument/2006/relationships/customXml" Target="../ink/ink111.xml"/><Relationship Id="rId2" Type="http://schemas.openxmlformats.org/officeDocument/2006/relationships/customXml" Target="../../customXml/item12.xml"/><Relationship Id="rId29" Type="http://schemas.openxmlformats.org/officeDocument/2006/relationships/image" Target="../media/image25.png"/><Relationship Id="rId255" Type="http://schemas.openxmlformats.org/officeDocument/2006/relationships/image" Target="../media/image138.png"/><Relationship Id="rId276" Type="http://schemas.openxmlformats.org/officeDocument/2006/relationships/customXml" Target="../ink/ink132.xml"/><Relationship Id="rId297" Type="http://schemas.openxmlformats.org/officeDocument/2006/relationships/image" Target="../media/image159.png"/><Relationship Id="rId40" Type="http://schemas.openxmlformats.org/officeDocument/2006/relationships/customXml" Target="../ink/ink14.xml"/><Relationship Id="rId115" Type="http://schemas.openxmlformats.org/officeDocument/2006/relationships/image" Target="../media/image68.png"/><Relationship Id="rId136" Type="http://schemas.openxmlformats.org/officeDocument/2006/relationships/customXml" Target="../ink/ink62.xml"/><Relationship Id="rId157" Type="http://schemas.openxmlformats.org/officeDocument/2006/relationships/image" Target="../media/image89.png"/><Relationship Id="rId178" Type="http://schemas.openxmlformats.org/officeDocument/2006/relationships/customXml" Target="../ink/ink83.xml"/><Relationship Id="rId301" Type="http://schemas.openxmlformats.org/officeDocument/2006/relationships/image" Target="../media/image161.png"/><Relationship Id="rId322" Type="http://schemas.openxmlformats.org/officeDocument/2006/relationships/customXml" Target="../ink/ink155.xml"/><Relationship Id="rId343" Type="http://schemas.openxmlformats.org/officeDocument/2006/relationships/image" Target="../media/image182.png"/><Relationship Id="rId61" Type="http://schemas.openxmlformats.org/officeDocument/2006/relationships/image" Target="../media/image41.png"/><Relationship Id="rId82" Type="http://schemas.openxmlformats.org/officeDocument/2006/relationships/customXml" Target="../ink/ink35.xml"/><Relationship Id="rId199" Type="http://schemas.openxmlformats.org/officeDocument/2006/relationships/image" Target="../media/image110.png"/><Relationship Id="rId203" Type="http://schemas.openxmlformats.org/officeDocument/2006/relationships/image" Target="../media/image112.png"/><Relationship Id="rId19" Type="http://schemas.openxmlformats.org/officeDocument/2006/relationships/image" Target="../media/image20.png"/><Relationship Id="rId224" Type="http://schemas.openxmlformats.org/officeDocument/2006/relationships/customXml" Target="../ink/ink106.xml"/><Relationship Id="rId245" Type="http://schemas.openxmlformats.org/officeDocument/2006/relationships/image" Target="../media/image133.png"/><Relationship Id="rId266" Type="http://schemas.openxmlformats.org/officeDocument/2006/relationships/customXml" Target="../ink/ink127.xml"/><Relationship Id="rId287" Type="http://schemas.openxmlformats.org/officeDocument/2006/relationships/image" Target="../media/image154.png"/><Relationship Id="rId30" Type="http://schemas.openxmlformats.org/officeDocument/2006/relationships/customXml" Target="../ink/ink9.xml"/><Relationship Id="rId105" Type="http://schemas.openxmlformats.org/officeDocument/2006/relationships/image" Target="../media/image63.png"/><Relationship Id="rId126" Type="http://schemas.openxmlformats.org/officeDocument/2006/relationships/customXml" Target="../ink/ink57.xml"/><Relationship Id="rId147" Type="http://schemas.openxmlformats.org/officeDocument/2006/relationships/image" Target="../media/image84.png"/><Relationship Id="rId168" Type="http://schemas.openxmlformats.org/officeDocument/2006/relationships/customXml" Target="../ink/ink78.xml"/><Relationship Id="rId312" Type="http://schemas.openxmlformats.org/officeDocument/2006/relationships/customXml" Target="../ink/ink150.xml"/><Relationship Id="rId333" Type="http://schemas.openxmlformats.org/officeDocument/2006/relationships/image" Target="../media/image177.png"/><Relationship Id="rId51" Type="http://schemas.openxmlformats.org/officeDocument/2006/relationships/image" Target="../media/image36.png"/><Relationship Id="rId72" Type="http://schemas.openxmlformats.org/officeDocument/2006/relationships/customXml" Target="../ink/ink30.xml"/><Relationship Id="rId93" Type="http://schemas.openxmlformats.org/officeDocument/2006/relationships/image" Target="../media/image57.png"/><Relationship Id="rId189" Type="http://schemas.openxmlformats.org/officeDocument/2006/relationships/image" Target="../media/image105.png"/><Relationship Id="rId3" Type="http://schemas.openxmlformats.org/officeDocument/2006/relationships/slideLayout" Target="../slideLayouts/slideLayout24.xml"/><Relationship Id="rId214" Type="http://schemas.openxmlformats.org/officeDocument/2006/relationships/customXml" Target="../ink/ink101.xml"/><Relationship Id="rId235" Type="http://schemas.openxmlformats.org/officeDocument/2006/relationships/image" Target="../media/image128.png"/><Relationship Id="rId256" Type="http://schemas.openxmlformats.org/officeDocument/2006/relationships/customXml" Target="../ink/ink122.xml"/><Relationship Id="rId277" Type="http://schemas.openxmlformats.org/officeDocument/2006/relationships/image" Target="../media/image149.png"/><Relationship Id="rId298" Type="http://schemas.openxmlformats.org/officeDocument/2006/relationships/customXml" Target="../ink/ink143.xml"/><Relationship Id="rId116" Type="http://schemas.openxmlformats.org/officeDocument/2006/relationships/customXml" Target="../ink/ink52.xml"/><Relationship Id="rId137" Type="http://schemas.openxmlformats.org/officeDocument/2006/relationships/image" Target="../media/image79.png"/><Relationship Id="rId158" Type="http://schemas.openxmlformats.org/officeDocument/2006/relationships/customXml" Target="../ink/ink73.xml"/><Relationship Id="rId302" Type="http://schemas.openxmlformats.org/officeDocument/2006/relationships/customXml" Target="../ink/ink145.xml"/><Relationship Id="rId323" Type="http://schemas.openxmlformats.org/officeDocument/2006/relationships/image" Target="../media/image172.png"/><Relationship Id="rId344" Type="http://schemas.openxmlformats.org/officeDocument/2006/relationships/customXml" Target="../ink/ink166.xml"/><Relationship Id="rId20" Type="http://schemas.openxmlformats.org/officeDocument/2006/relationships/customXml" Target="../ink/ink4.xml"/><Relationship Id="rId41" Type="http://schemas.openxmlformats.org/officeDocument/2006/relationships/image" Target="../media/image31.png"/><Relationship Id="rId62" Type="http://schemas.openxmlformats.org/officeDocument/2006/relationships/customXml" Target="../ink/ink25.xml"/><Relationship Id="rId83" Type="http://schemas.openxmlformats.org/officeDocument/2006/relationships/image" Target="../media/image52.png"/><Relationship Id="rId179" Type="http://schemas.openxmlformats.org/officeDocument/2006/relationships/image" Target="../media/image100.png"/><Relationship Id="rId190" Type="http://schemas.openxmlformats.org/officeDocument/2006/relationships/customXml" Target="../ink/ink89.xml"/><Relationship Id="rId204" Type="http://schemas.openxmlformats.org/officeDocument/2006/relationships/customXml" Target="../ink/ink96.xml"/><Relationship Id="rId225" Type="http://schemas.openxmlformats.org/officeDocument/2006/relationships/image" Target="../media/image123.png"/><Relationship Id="rId246" Type="http://schemas.openxmlformats.org/officeDocument/2006/relationships/customXml" Target="../ink/ink117.xml"/><Relationship Id="rId267" Type="http://schemas.openxmlformats.org/officeDocument/2006/relationships/image" Target="../media/image144.png"/><Relationship Id="rId288" Type="http://schemas.openxmlformats.org/officeDocument/2006/relationships/customXml" Target="../ink/ink138.xml"/><Relationship Id="rId106" Type="http://schemas.openxmlformats.org/officeDocument/2006/relationships/customXml" Target="../ink/ink47.xml"/><Relationship Id="rId127" Type="http://schemas.openxmlformats.org/officeDocument/2006/relationships/image" Target="../media/image74.png"/><Relationship Id="rId313" Type="http://schemas.openxmlformats.org/officeDocument/2006/relationships/image" Target="../media/image167.png"/><Relationship Id="rId10" Type="http://schemas.openxmlformats.org/officeDocument/2006/relationships/image" Target="../media/image14.png"/><Relationship Id="rId31" Type="http://schemas.openxmlformats.org/officeDocument/2006/relationships/image" Target="../media/image26.png"/><Relationship Id="rId52" Type="http://schemas.openxmlformats.org/officeDocument/2006/relationships/customXml" Target="../ink/ink20.xml"/><Relationship Id="rId73" Type="http://schemas.openxmlformats.org/officeDocument/2006/relationships/image" Target="../media/image47.png"/><Relationship Id="rId94" Type="http://schemas.openxmlformats.org/officeDocument/2006/relationships/customXml" Target="../ink/ink41.xml"/><Relationship Id="rId148" Type="http://schemas.openxmlformats.org/officeDocument/2006/relationships/customXml" Target="../ink/ink68.xml"/><Relationship Id="rId169" Type="http://schemas.openxmlformats.org/officeDocument/2006/relationships/image" Target="../media/image95.png"/><Relationship Id="rId334" Type="http://schemas.openxmlformats.org/officeDocument/2006/relationships/customXml" Target="../ink/ink161.xml"/><Relationship Id="rId4" Type="http://schemas.openxmlformats.org/officeDocument/2006/relationships/image" Target="../media/image8.png"/><Relationship Id="rId180" Type="http://schemas.openxmlformats.org/officeDocument/2006/relationships/customXml" Target="../ink/ink84.xml"/><Relationship Id="rId215" Type="http://schemas.openxmlformats.org/officeDocument/2006/relationships/image" Target="../media/image118.png"/><Relationship Id="rId236" Type="http://schemas.openxmlformats.org/officeDocument/2006/relationships/customXml" Target="../ink/ink112.xml"/><Relationship Id="rId257" Type="http://schemas.openxmlformats.org/officeDocument/2006/relationships/image" Target="../media/image139.png"/><Relationship Id="rId278" Type="http://schemas.openxmlformats.org/officeDocument/2006/relationships/customXml" Target="../ink/ink133.xml"/><Relationship Id="rId303" Type="http://schemas.openxmlformats.org/officeDocument/2006/relationships/image" Target="../media/image162.png"/><Relationship Id="rId42" Type="http://schemas.openxmlformats.org/officeDocument/2006/relationships/customXml" Target="../ink/ink15.xml"/><Relationship Id="rId84" Type="http://schemas.openxmlformats.org/officeDocument/2006/relationships/customXml" Target="../ink/ink36.xml"/><Relationship Id="rId138" Type="http://schemas.openxmlformats.org/officeDocument/2006/relationships/customXml" Target="../ink/ink63.xml"/><Relationship Id="rId345" Type="http://schemas.openxmlformats.org/officeDocument/2006/relationships/image" Target="../media/image183.png"/><Relationship Id="rId191" Type="http://schemas.openxmlformats.org/officeDocument/2006/relationships/image" Target="../media/image106.png"/><Relationship Id="rId205" Type="http://schemas.openxmlformats.org/officeDocument/2006/relationships/image" Target="../media/image113.png"/><Relationship Id="rId247" Type="http://schemas.openxmlformats.org/officeDocument/2006/relationships/image" Target="../media/image134.png"/><Relationship Id="rId107" Type="http://schemas.openxmlformats.org/officeDocument/2006/relationships/image" Target="../media/image64.png"/><Relationship Id="rId289" Type="http://schemas.openxmlformats.org/officeDocument/2006/relationships/image" Target="../media/image155.png"/><Relationship Id="rId11" Type="http://schemas.openxmlformats.org/officeDocument/2006/relationships/image" Target="../media/image15.svg"/><Relationship Id="rId53" Type="http://schemas.openxmlformats.org/officeDocument/2006/relationships/image" Target="../media/image37.png"/><Relationship Id="rId149" Type="http://schemas.openxmlformats.org/officeDocument/2006/relationships/image" Target="../media/image85.png"/><Relationship Id="rId314" Type="http://schemas.openxmlformats.org/officeDocument/2006/relationships/customXml" Target="../ink/ink151.xml"/><Relationship Id="rId95" Type="http://schemas.openxmlformats.org/officeDocument/2006/relationships/image" Target="../media/image58.png"/><Relationship Id="rId160" Type="http://schemas.openxmlformats.org/officeDocument/2006/relationships/customXml" Target="../ink/ink74.xml"/><Relationship Id="rId216" Type="http://schemas.openxmlformats.org/officeDocument/2006/relationships/customXml" Target="../ink/ink102.xml"/><Relationship Id="rId258" Type="http://schemas.openxmlformats.org/officeDocument/2006/relationships/customXml" Target="../ink/ink123.xml"/><Relationship Id="rId22" Type="http://schemas.openxmlformats.org/officeDocument/2006/relationships/customXml" Target="../ink/ink5.xml"/><Relationship Id="rId64" Type="http://schemas.openxmlformats.org/officeDocument/2006/relationships/customXml" Target="../ink/ink26.xml"/><Relationship Id="rId118" Type="http://schemas.openxmlformats.org/officeDocument/2006/relationships/customXml" Target="../ink/ink53.xml"/><Relationship Id="rId325" Type="http://schemas.openxmlformats.org/officeDocument/2006/relationships/image" Target="../media/image173.png"/><Relationship Id="rId171" Type="http://schemas.openxmlformats.org/officeDocument/2006/relationships/image" Target="../media/image96.png"/><Relationship Id="rId227" Type="http://schemas.openxmlformats.org/officeDocument/2006/relationships/image" Target="../media/image124.png"/><Relationship Id="rId269" Type="http://schemas.openxmlformats.org/officeDocument/2006/relationships/image" Target="../media/image145.png"/><Relationship Id="rId33" Type="http://schemas.openxmlformats.org/officeDocument/2006/relationships/image" Target="../media/image27.png"/><Relationship Id="rId129" Type="http://schemas.openxmlformats.org/officeDocument/2006/relationships/image" Target="../media/image75.png"/><Relationship Id="rId280" Type="http://schemas.openxmlformats.org/officeDocument/2006/relationships/customXml" Target="../ink/ink134.xml"/><Relationship Id="rId336" Type="http://schemas.openxmlformats.org/officeDocument/2006/relationships/customXml" Target="../ink/ink162.xml"/><Relationship Id="rId75" Type="http://schemas.openxmlformats.org/officeDocument/2006/relationships/image" Target="../media/image48.png"/><Relationship Id="rId140" Type="http://schemas.openxmlformats.org/officeDocument/2006/relationships/customXml" Target="../ink/ink64.xml"/><Relationship Id="rId182" Type="http://schemas.openxmlformats.org/officeDocument/2006/relationships/customXml" Target="../ink/ink85.xml"/><Relationship Id="rId6" Type="http://schemas.openxmlformats.org/officeDocument/2006/relationships/image" Target="../media/image10.png"/><Relationship Id="rId238" Type="http://schemas.openxmlformats.org/officeDocument/2006/relationships/customXml" Target="../ink/ink113.xml"/><Relationship Id="rId291" Type="http://schemas.openxmlformats.org/officeDocument/2006/relationships/image" Target="../media/image156.png"/><Relationship Id="rId305" Type="http://schemas.openxmlformats.org/officeDocument/2006/relationships/image" Target="../media/image163.png"/><Relationship Id="rId347" Type="http://schemas.openxmlformats.org/officeDocument/2006/relationships/image" Target="../media/image184.png"/><Relationship Id="rId44" Type="http://schemas.openxmlformats.org/officeDocument/2006/relationships/customXml" Target="../ink/ink16.xml"/><Relationship Id="rId86" Type="http://schemas.openxmlformats.org/officeDocument/2006/relationships/customXml" Target="../ink/ink37.xml"/><Relationship Id="rId151" Type="http://schemas.openxmlformats.org/officeDocument/2006/relationships/image" Target="../media/image86.png"/><Relationship Id="rId193" Type="http://schemas.openxmlformats.org/officeDocument/2006/relationships/image" Target="../media/image107.png"/><Relationship Id="rId207" Type="http://schemas.openxmlformats.org/officeDocument/2006/relationships/image" Target="../media/image114.png"/><Relationship Id="rId249" Type="http://schemas.openxmlformats.org/officeDocument/2006/relationships/image" Target="../media/image135.png"/><Relationship Id="rId13" Type="http://schemas.openxmlformats.org/officeDocument/2006/relationships/image" Target="../media/image17.svg"/><Relationship Id="rId109" Type="http://schemas.openxmlformats.org/officeDocument/2006/relationships/image" Target="../media/image65.png"/><Relationship Id="rId260" Type="http://schemas.openxmlformats.org/officeDocument/2006/relationships/customXml" Target="../ink/ink124.xml"/><Relationship Id="rId316" Type="http://schemas.openxmlformats.org/officeDocument/2006/relationships/customXml" Target="../ink/ink152.xml"/><Relationship Id="rId55" Type="http://schemas.openxmlformats.org/officeDocument/2006/relationships/image" Target="../media/image38.png"/><Relationship Id="rId97" Type="http://schemas.openxmlformats.org/officeDocument/2006/relationships/image" Target="../media/image59.png"/><Relationship Id="rId120" Type="http://schemas.openxmlformats.org/officeDocument/2006/relationships/customXml" Target="../ink/ink54.xml"/><Relationship Id="rId162" Type="http://schemas.openxmlformats.org/officeDocument/2006/relationships/customXml" Target="../ink/ink75.xml"/><Relationship Id="rId218" Type="http://schemas.openxmlformats.org/officeDocument/2006/relationships/customXml" Target="../ink/ink103.xml"/><Relationship Id="rId271" Type="http://schemas.openxmlformats.org/officeDocument/2006/relationships/image" Target="../media/image146.png"/><Relationship Id="rId24" Type="http://schemas.openxmlformats.org/officeDocument/2006/relationships/customXml" Target="../ink/ink6.xml"/><Relationship Id="rId66" Type="http://schemas.openxmlformats.org/officeDocument/2006/relationships/customXml" Target="../ink/ink27.xml"/><Relationship Id="rId131" Type="http://schemas.openxmlformats.org/officeDocument/2006/relationships/image" Target="../media/image76.png"/><Relationship Id="rId327" Type="http://schemas.openxmlformats.org/officeDocument/2006/relationships/image" Target="../media/image174.png"/><Relationship Id="rId173" Type="http://schemas.openxmlformats.org/officeDocument/2006/relationships/image" Target="../media/image97.png"/><Relationship Id="rId229" Type="http://schemas.openxmlformats.org/officeDocument/2006/relationships/image" Target="../media/image125.png"/><Relationship Id="rId240" Type="http://schemas.openxmlformats.org/officeDocument/2006/relationships/customXml" Target="../ink/ink114.xml"/><Relationship Id="rId35" Type="http://schemas.openxmlformats.org/officeDocument/2006/relationships/image" Target="../media/image28.png"/><Relationship Id="rId77" Type="http://schemas.openxmlformats.org/officeDocument/2006/relationships/image" Target="../media/image49.png"/><Relationship Id="rId100" Type="http://schemas.openxmlformats.org/officeDocument/2006/relationships/customXml" Target="../ink/ink44.xml"/><Relationship Id="rId282" Type="http://schemas.openxmlformats.org/officeDocument/2006/relationships/customXml" Target="../ink/ink135.xml"/><Relationship Id="rId338" Type="http://schemas.openxmlformats.org/officeDocument/2006/relationships/customXml" Target="../ink/ink16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7.png"/><Relationship Id="rId1" Type="http://schemas.openxmlformats.org/officeDocument/2006/relationships/slideLayout" Target="../slideLayouts/slideLayout24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F54D311D-2157-4A35-9F56-0E8FE9FDD7BC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endParaRPr lang="en-US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/>
              <a:t>P.BBQCG overview</a:t>
            </a:r>
            <a:br>
              <a:rPr lang="en-US"/>
            </a:br>
            <a:endParaRPr lang="en-US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/>
              <a:t>Interactive testing</a:t>
            </a:r>
          </a:p>
          <a:p>
            <a:r>
              <a:rPr lang="en-US"/>
              <a:t>VQEG meeting - June 8</a:t>
            </a:r>
            <a:r>
              <a:rPr lang="en-US" baseline="30000"/>
              <a:t>th</a:t>
            </a:r>
            <a:r>
              <a:rPr lang="en-US"/>
              <a:t> 2021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en-US"/>
              <a:t>David Lindero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</p:spPr>
        <p:txBody>
          <a:bodyPr/>
          <a:lstStyle/>
          <a:p>
            <a:r>
              <a:rPr lang="en-US"/>
              <a:t>Ericsson Research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r>
              <a:rPr lang="en-US"/>
              <a:t>2021-06-08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Part in the BBQCG model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AD475D8A-61C3-A141-A1E8-1EC66F9BB93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74851" y="2285554"/>
            <a:ext cx="6858000" cy="363884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89F028B2-4405-1D48-B69D-9DAD6C92B23F}"/>
              </a:ext>
            </a:extLst>
          </p:cNvPr>
          <p:cNvSpPr/>
          <p:nvPr/>
        </p:nvSpPr>
        <p:spPr bwMode="auto">
          <a:xfrm>
            <a:off x="6373092" y="1814945"/>
            <a:ext cx="1385454" cy="4378037"/>
          </a:xfrm>
          <a:prstGeom prst="rect">
            <a:avLst/>
          </a:prstGeom>
          <a:solidFill>
            <a:schemeClr val="accent1">
              <a:alpha val="3500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CA2C5C15-7524-7848-B06C-DFEB11F801D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19400" y="762821"/>
            <a:ext cx="5472545" cy="158903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etup</a:t>
            </a:r>
          </a:p>
        </p:txBody>
      </p:sp>
      <p:pic>
        <p:nvPicPr>
          <p:cNvPr id="6" name="Picture Placeholder 21">
            <a:extLst>
              <a:ext uri="{FF2B5EF4-FFF2-40B4-BE49-F238E27FC236}">
                <a16:creationId xmlns:a16="http://schemas.microsoft.com/office/drawing/2014/main" id="{CF248896-C7DD-214E-A5FC-CF8D110E9D8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2303441" y="3640184"/>
            <a:ext cx="1482900" cy="1482900"/>
          </a:xfrm>
          <a:prstGeom prst="rect">
            <a:avLst/>
          </a:prstGeom>
        </p:spPr>
      </p:pic>
      <p:pic>
        <p:nvPicPr>
          <p:cNvPr id="7" name="Picture Placeholder 33">
            <a:extLst>
              <a:ext uri="{FF2B5EF4-FFF2-40B4-BE49-F238E27FC236}">
                <a16:creationId xmlns:a16="http://schemas.microsoft.com/office/drawing/2014/main" id="{1099308A-157C-B247-B5EC-A02691AFCD7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 t="73" b="73"/>
          <a:stretch>
            <a:fillRect/>
          </a:stretch>
        </p:blipFill>
        <p:spPr>
          <a:xfrm>
            <a:off x="6113629" y="2176375"/>
            <a:ext cx="2126890" cy="2126890"/>
          </a:xfrm>
          <a:prstGeom prst="rect">
            <a:avLst/>
          </a:prstGeom>
        </p:spPr>
      </p:pic>
      <p:pic>
        <p:nvPicPr>
          <p:cNvPr id="9" name="Picture Placeholder 27">
            <a:extLst>
              <a:ext uri="{FF2B5EF4-FFF2-40B4-BE49-F238E27FC236}">
                <a16:creationId xmlns:a16="http://schemas.microsoft.com/office/drawing/2014/main" id="{1369910C-AF0F-EF4B-B40F-0B9F37F46B64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>
            <a:fillRect/>
          </a:stretch>
        </p:blipFill>
        <p:spPr>
          <a:xfrm>
            <a:off x="1700427" y="2062449"/>
            <a:ext cx="1482900" cy="1482900"/>
          </a:xfrm>
          <a:prstGeom prst="rect">
            <a:avLst/>
          </a:prstGeom>
        </p:spPr>
      </p:pic>
      <p:pic>
        <p:nvPicPr>
          <p:cNvPr id="10" name="Picture Placeholder 51">
            <a:extLst>
              <a:ext uri="{FF2B5EF4-FFF2-40B4-BE49-F238E27FC236}">
                <a16:creationId xmlns:a16="http://schemas.microsoft.com/office/drawing/2014/main" id="{EF5A341B-0BCB-4E4A-A838-1251956ABE96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rcRect t="73" b="73"/>
          <a:stretch>
            <a:fillRect/>
          </a:stretch>
        </p:blipFill>
        <p:spPr>
          <a:xfrm>
            <a:off x="3044891" y="2204443"/>
            <a:ext cx="1482900" cy="1482900"/>
          </a:xfrm>
          <a:prstGeom prst="rect">
            <a:avLst/>
          </a:prstGeom>
        </p:spPr>
      </p:pic>
      <p:pic>
        <p:nvPicPr>
          <p:cNvPr id="11" name="Picture Placeholder 37">
            <a:extLst>
              <a:ext uri="{FF2B5EF4-FFF2-40B4-BE49-F238E27FC236}">
                <a16:creationId xmlns:a16="http://schemas.microsoft.com/office/drawing/2014/main" id="{264809CC-BE0B-9C4C-96BB-D803D96A3E1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rcRect/>
          <a:stretch>
            <a:fillRect/>
          </a:stretch>
        </p:blipFill>
        <p:spPr>
          <a:xfrm>
            <a:off x="9826357" y="2553169"/>
            <a:ext cx="992180" cy="992180"/>
          </a:xfrm>
          <a:prstGeom prst="rect">
            <a:avLst/>
          </a:prstGeom>
        </p:spPr>
      </p:pic>
      <p:pic>
        <p:nvPicPr>
          <p:cNvPr id="15" name="Picture Placeholder 37">
            <a:extLst>
              <a:ext uri="{FF2B5EF4-FFF2-40B4-BE49-F238E27FC236}">
                <a16:creationId xmlns:a16="http://schemas.microsoft.com/office/drawing/2014/main" id="{1BB69BFF-FAAB-9547-AEE6-869631429095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rcRect/>
          <a:stretch>
            <a:fillRect/>
          </a:stretch>
        </p:blipFill>
        <p:spPr>
          <a:xfrm>
            <a:off x="4819608" y="5123084"/>
            <a:ext cx="992180" cy="992180"/>
          </a:xfrm>
          <a:prstGeom prst="rect">
            <a:avLst/>
          </a:prstGeom>
        </p:spPr>
      </p:pic>
      <mc:AlternateContent xmlns:mc="http://schemas.openxmlformats.org/markup-compatibility/2006">
        <mc:Choice xmlns:p14="http://schemas.microsoft.com/office/powerpoint/2010/main" Requires="p14">
          <p:contentPart p14:bwMode="auto" r:id="rId14">
            <p14:nvContentPartPr>
              <p14:cNvPr id="5" name="Ink 4">
                <a:extLst>
                  <a:ext uri="{FF2B5EF4-FFF2-40B4-BE49-F238E27FC236}">
                    <a16:creationId xmlns:a16="http://schemas.microsoft.com/office/drawing/2014/main" id="{B6E74049-E15E-5644-966E-E8CE6633271F}"/>
                  </a:ext>
                </a:extLst>
              </p14:cNvPr>
              <p14:cNvContentPartPr/>
              <p14:nvPr/>
            </p14:nvContentPartPr>
            <p14:xfrm>
              <a:off x="4304010" y="2975372"/>
              <a:ext cx="1557000" cy="360"/>
            </p14:xfrm>
          </p:contentPart>
        </mc:Choice>
        <mc:Fallback>
          <p:pic>
            <p:nvPicPr>
              <p:cNvPr id="5" name="Ink 4">
                <a:extLst>
                  <a:ext uri="{FF2B5EF4-FFF2-40B4-BE49-F238E27FC236}">
                    <a16:creationId xmlns:a16="http://schemas.microsoft.com/office/drawing/2014/main" id="{B6E74049-E15E-5644-966E-E8CE6633271F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4286010" y="2957372"/>
                <a:ext cx="1592640" cy="3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6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52BE2387-53D0-1443-872D-066D2F2F8487}"/>
                  </a:ext>
                </a:extLst>
              </p14:cNvPr>
              <p14:cNvContentPartPr/>
              <p14:nvPr/>
            </p14:nvContentPartPr>
            <p14:xfrm>
              <a:off x="8202810" y="2975372"/>
              <a:ext cx="1761840" cy="360"/>
            </p14:xfrm>
          </p:contentPart>
        </mc:Choice>
        <mc:Fallback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52BE2387-53D0-1443-872D-066D2F2F8487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8184810" y="2957372"/>
                <a:ext cx="1797480" cy="3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8">
            <p14:nvContentPartPr>
              <p14:cNvPr id="29" name="Ink 28">
                <a:extLst>
                  <a:ext uri="{FF2B5EF4-FFF2-40B4-BE49-F238E27FC236}">
                    <a16:creationId xmlns:a16="http://schemas.microsoft.com/office/drawing/2014/main" id="{24710AA2-F606-5046-8CFF-5B39CEE37740}"/>
                  </a:ext>
                </a:extLst>
              </p14:cNvPr>
              <p14:cNvContentPartPr/>
              <p14:nvPr/>
            </p14:nvContentPartPr>
            <p14:xfrm>
              <a:off x="8355421" y="3255013"/>
              <a:ext cx="1559880" cy="360"/>
            </p14:xfrm>
          </p:contentPart>
        </mc:Choice>
        <mc:Fallback>
          <p:pic>
            <p:nvPicPr>
              <p:cNvPr id="29" name="Ink 28">
                <a:extLst>
                  <a:ext uri="{FF2B5EF4-FFF2-40B4-BE49-F238E27FC236}">
                    <a16:creationId xmlns:a16="http://schemas.microsoft.com/office/drawing/2014/main" id="{24710AA2-F606-5046-8CFF-5B39CEE37740}"/>
                  </a:ext>
                </a:extLst>
              </p:cNvPr>
              <p:cNvPicPr/>
              <p:nvPr/>
            </p:nvPicPr>
            <p:blipFill>
              <a:blip r:embed="rId19"/>
              <a:stretch>
                <a:fillRect/>
              </a:stretch>
            </p:blipFill>
            <p:spPr>
              <a:xfrm>
                <a:off x="8337421" y="3237013"/>
                <a:ext cx="1595520" cy="3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0">
            <p14:nvContentPartPr>
              <p14:cNvPr id="30" name="Ink 29">
                <a:extLst>
                  <a:ext uri="{FF2B5EF4-FFF2-40B4-BE49-F238E27FC236}">
                    <a16:creationId xmlns:a16="http://schemas.microsoft.com/office/drawing/2014/main" id="{9AFE0A9F-5952-7C4B-8046-94F72EF47674}"/>
                  </a:ext>
                </a:extLst>
              </p14:cNvPr>
              <p14:cNvContentPartPr/>
              <p14:nvPr/>
            </p14:nvContentPartPr>
            <p14:xfrm>
              <a:off x="4293181" y="3255013"/>
              <a:ext cx="1650960" cy="360"/>
            </p14:xfrm>
          </p:contentPart>
        </mc:Choice>
        <mc:Fallback>
          <p:pic>
            <p:nvPicPr>
              <p:cNvPr id="30" name="Ink 29">
                <a:extLst>
                  <a:ext uri="{FF2B5EF4-FFF2-40B4-BE49-F238E27FC236}">
                    <a16:creationId xmlns:a16="http://schemas.microsoft.com/office/drawing/2014/main" id="{9AFE0A9F-5952-7C4B-8046-94F72EF47674}"/>
                  </a:ext>
                </a:extLst>
              </p:cNvPr>
              <p:cNvPicPr/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4275181" y="3237013"/>
                <a:ext cx="1686600" cy="3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2">
            <p14:nvContentPartPr>
              <p14:cNvPr id="31" name="Ink 30">
                <a:extLst>
                  <a:ext uri="{FF2B5EF4-FFF2-40B4-BE49-F238E27FC236}">
                    <a16:creationId xmlns:a16="http://schemas.microsoft.com/office/drawing/2014/main" id="{50596408-AEB8-EF4A-B29F-445DE4C922C8}"/>
                  </a:ext>
                </a:extLst>
              </p14:cNvPr>
              <p14:cNvContentPartPr/>
              <p14:nvPr/>
            </p14:nvContentPartPr>
            <p14:xfrm>
              <a:off x="2883421" y="3255013"/>
              <a:ext cx="493560" cy="360"/>
            </p14:xfrm>
          </p:contentPart>
        </mc:Choice>
        <mc:Fallback>
          <p:pic>
            <p:nvPicPr>
              <p:cNvPr id="31" name="Ink 30">
                <a:extLst>
                  <a:ext uri="{FF2B5EF4-FFF2-40B4-BE49-F238E27FC236}">
                    <a16:creationId xmlns:a16="http://schemas.microsoft.com/office/drawing/2014/main" id="{50596408-AEB8-EF4A-B29F-445DE4C922C8}"/>
                  </a:ext>
                </a:extLst>
              </p:cNvPr>
              <p:cNvPicPr/>
              <p:nvPr/>
            </p:nvPicPr>
            <p:blipFill>
              <a:blip r:embed="rId23"/>
              <a:stretch>
                <a:fillRect/>
              </a:stretch>
            </p:blipFill>
            <p:spPr>
              <a:xfrm>
                <a:off x="2865408" y="3237013"/>
                <a:ext cx="529226" cy="36000"/>
              </a:xfrm>
              <a:prstGeom prst="rect">
                <a:avLst/>
              </a:prstGeom>
            </p:spPr>
          </p:pic>
        </mc:Fallback>
      </mc:AlternateContent>
      <p:grpSp>
        <p:nvGrpSpPr>
          <p:cNvPr id="38" name="Group 37">
            <a:extLst>
              <a:ext uri="{FF2B5EF4-FFF2-40B4-BE49-F238E27FC236}">
                <a16:creationId xmlns:a16="http://schemas.microsoft.com/office/drawing/2014/main" id="{C80BA3F2-77B5-084C-89C5-7031858407AD}"/>
              </a:ext>
            </a:extLst>
          </p:cNvPr>
          <p:cNvGrpSpPr/>
          <p:nvPr/>
        </p:nvGrpSpPr>
        <p:grpSpPr>
          <a:xfrm>
            <a:off x="2875925" y="3227890"/>
            <a:ext cx="287640" cy="101160"/>
            <a:chOff x="2216365" y="3417070"/>
            <a:chExt cx="287640" cy="10116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4">
              <p14:nvContentPartPr>
                <p14:cNvPr id="36" name="Ink 35">
                  <a:extLst>
                    <a:ext uri="{FF2B5EF4-FFF2-40B4-BE49-F238E27FC236}">
                      <a16:creationId xmlns:a16="http://schemas.microsoft.com/office/drawing/2014/main" id="{A397917D-F82A-7743-981D-E45B53BB5E04}"/>
                    </a:ext>
                  </a:extLst>
                </p14:cNvPr>
                <p14:cNvContentPartPr/>
                <p14:nvPr/>
              </p14:nvContentPartPr>
              <p14:xfrm>
                <a:off x="2223565" y="3451990"/>
                <a:ext cx="280440" cy="66240"/>
              </p14:xfrm>
            </p:contentPart>
          </mc:Choice>
          <mc:Fallback>
            <p:pic>
              <p:nvPicPr>
                <p:cNvPr id="36" name="Ink 35">
                  <a:extLst>
                    <a:ext uri="{FF2B5EF4-FFF2-40B4-BE49-F238E27FC236}">
                      <a16:creationId xmlns:a16="http://schemas.microsoft.com/office/drawing/2014/main" id="{A397917D-F82A-7743-981D-E45B53BB5E04}"/>
                    </a:ext>
                  </a:extLst>
                </p:cNvPr>
                <p:cNvPicPr/>
                <p:nvPr/>
              </p:nvPicPr>
              <p:blipFill>
                <a:blip r:embed="rId25"/>
                <a:stretch>
                  <a:fillRect/>
                </a:stretch>
              </p:blipFill>
              <p:spPr>
                <a:xfrm>
                  <a:off x="2205565" y="3433990"/>
                  <a:ext cx="316080" cy="1018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6">
              <p14:nvContentPartPr>
                <p14:cNvPr id="37" name="Ink 36">
                  <a:extLst>
                    <a:ext uri="{FF2B5EF4-FFF2-40B4-BE49-F238E27FC236}">
                      <a16:creationId xmlns:a16="http://schemas.microsoft.com/office/drawing/2014/main" id="{52BEE094-602C-AA4A-845B-8C2A6C8B55B8}"/>
                    </a:ext>
                  </a:extLst>
                </p14:cNvPr>
                <p14:cNvContentPartPr/>
                <p14:nvPr/>
              </p14:nvContentPartPr>
              <p14:xfrm>
                <a:off x="2216365" y="3417070"/>
                <a:ext cx="251640" cy="25560"/>
              </p14:xfrm>
            </p:contentPart>
          </mc:Choice>
          <mc:Fallback>
            <p:pic>
              <p:nvPicPr>
                <p:cNvPr id="37" name="Ink 36">
                  <a:extLst>
                    <a:ext uri="{FF2B5EF4-FFF2-40B4-BE49-F238E27FC236}">
                      <a16:creationId xmlns:a16="http://schemas.microsoft.com/office/drawing/2014/main" id="{52BEE094-602C-AA4A-845B-8C2A6C8B55B8}"/>
                    </a:ext>
                  </a:extLst>
                </p:cNvPr>
                <p:cNvPicPr/>
                <p:nvPr/>
              </p:nvPicPr>
              <p:blipFill>
                <a:blip r:embed="rId27"/>
                <a:stretch>
                  <a:fillRect/>
                </a:stretch>
              </p:blipFill>
              <p:spPr>
                <a:xfrm>
                  <a:off x="2198365" y="3399070"/>
                  <a:ext cx="287280" cy="6120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70" name="Group 169">
            <a:extLst>
              <a:ext uri="{FF2B5EF4-FFF2-40B4-BE49-F238E27FC236}">
                <a16:creationId xmlns:a16="http://schemas.microsoft.com/office/drawing/2014/main" id="{656AE516-D5FD-C146-A5B2-6086D56D7DAB}"/>
              </a:ext>
            </a:extLst>
          </p:cNvPr>
          <p:cNvGrpSpPr/>
          <p:nvPr/>
        </p:nvGrpSpPr>
        <p:grpSpPr>
          <a:xfrm>
            <a:off x="6434202" y="1789574"/>
            <a:ext cx="1410480" cy="366480"/>
            <a:chOff x="5774642" y="1978754"/>
            <a:chExt cx="1410480" cy="3664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8">
              <p14:nvContentPartPr>
                <p14:cNvPr id="153" name="Ink 152">
                  <a:extLst>
                    <a:ext uri="{FF2B5EF4-FFF2-40B4-BE49-F238E27FC236}">
                      <a16:creationId xmlns:a16="http://schemas.microsoft.com/office/drawing/2014/main" id="{BF112ADA-687D-A745-968B-A1F9A075C996}"/>
                    </a:ext>
                  </a:extLst>
                </p14:cNvPr>
                <p14:cNvContentPartPr/>
                <p14:nvPr/>
              </p14:nvContentPartPr>
              <p14:xfrm>
                <a:off x="5774642" y="1978754"/>
                <a:ext cx="19800" cy="217440"/>
              </p14:xfrm>
            </p:contentPart>
          </mc:Choice>
          <mc:Fallback>
            <p:pic>
              <p:nvPicPr>
                <p:cNvPr id="153" name="Ink 152">
                  <a:extLst>
                    <a:ext uri="{FF2B5EF4-FFF2-40B4-BE49-F238E27FC236}">
                      <a16:creationId xmlns:a16="http://schemas.microsoft.com/office/drawing/2014/main" id="{BF112ADA-687D-A745-968B-A1F9A075C996}"/>
                    </a:ext>
                  </a:extLst>
                </p:cNvPr>
                <p:cNvPicPr/>
                <p:nvPr/>
              </p:nvPicPr>
              <p:blipFill>
                <a:blip r:embed="rId29"/>
                <a:stretch>
                  <a:fillRect/>
                </a:stretch>
              </p:blipFill>
              <p:spPr>
                <a:xfrm>
                  <a:off x="5770242" y="1974434"/>
                  <a:ext cx="28600" cy="2260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0">
              <p14:nvContentPartPr>
                <p14:cNvPr id="154" name="Ink 153">
                  <a:extLst>
                    <a:ext uri="{FF2B5EF4-FFF2-40B4-BE49-F238E27FC236}">
                      <a16:creationId xmlns:a16="http://schemas.microsoft.com/office/drawing/2014/main" id="{1942A130-EC96-044C-9657-5F0240EA66EF}"/>
                    </a:ext>
                  </a:extLst>
                </p14:cNvPr>
                <p14:cNvContentPartPr/>
                <p14:nvPr/>
              </p14:nvContentPartPr>
              <p14:xfrm>
                <a:off x="5779682" y="1983434"/>
                <a:ext cx="120960" cy="207720"/>
              </p14:xfrm>
            </p:contentPart>
          </mc:Choice>
          <mc:Fallback>
            <p:pic>
              <p:nvPicPr>
                <p:cNvPr id="154" name="Ink 153">
                  <a:extLst>
                    <a:ext uri="{FF2B5EF4-FFF2-40B4-BE49-F238E27FC236}">
                      <a16:creationId xmlns:a16="http://schemas.microsoft.com/office/drawing/2014/main" id="{1942A130-EC96-044C-9657-5F0240EA66EF}"/>
                    </a:ext>
                  </a:extLst>
                </p:cNvPr>
                <p:cNvPicPr/>
                <p:nvPr/>
              </p:nvPicPr>
              <p:blipFill>
                <a:blip r:embed="rId31"/>
                <a:stretch>
                  <a:fillRect/>
                </a:stretch>
              </p:blipFill>
              <p:spPr>
                <a:xfrm>
                  <a:off x="5775362" y="1979106"/>
                  <a:ext cx="129600" cy="216375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2">
              <p14:nvContentPartPr>
                <p14:cNvPr id="155" name="Ink 154">
                  <a:extLst>
                    <a:ext uri="{FF2B5EF4-FFF2-40B4-BE49-F238E27FC236}">
                      <a16:creationId xmlns:a16="http://schemas.microsoft.com/office/drawing/2014/main" id="{596E52EE-8AE0-6047-970F-6BC8CA286CC7}"/>
                    </a:ext>
                  </a:extLst>
                </p14:cNvPr>
                <p14:cNvContentPartPr/>
                <p14:nvPr/>
              </p14:nvContentPartPr>
              <p14:xfrm>
                <a:off x="5926922" y="2084594"/>
                <a:ext cx="96480" cy="106560"/>
              </p14:xfrm>
            </p:contentPart>
          </mc:Choice>
          <mc:Fallback>
            <p:pic>
              <p:nvPicPr>
                <p:cNvPr id="155" name="Ink 154">
                  <a:extLst>
                    <a:ext uri="{FF2B5EF4-FFF2-40B4-BE49-F238E27FC236}">
                      <a16:creationId xmlns:a16="http://schemas.microsoft.com/office/drawing/2014/main" id="{596E52EE-8AE0-6047-970F-6BC8CA286CC7}"/>
                    </a:ext>
                  </a:extLst>
                </p:cNvPr>
                <p:cNvPicPr/>
                <p:nvPr/>
              </p:nvPicPr>
              <p:blipFill>
                <a:blip r:embed="rId33"/>
                <a:stretch>
                  <a:fillRect/>
                </a:stretch>
              </p:blipFill>
              <p:spPr>
                <a:xfrm>
                  <a:off x="5922602" y="2080259"/>
                  <a:ext cx="105120" cy="115229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4">
              <p14:nvContentPartPr>
                <p14:cNvPr id="156" name="Ink 155">
                  <a:extLst>
                    <a:ext uri="{FF2B5EF4-FFF2-40B4-BE49-F238E27FC236}">
                      <a16:creationId xmlns:a16="http://schemas.microsoft.com/office/drawing/2014/main" id="{7AB409AC-E096-0845-9F55-0C0D6AEF3D69}"/>
                    </a:ext>
                  </a:extLst>
                </p14:cNvPr>
                <p14:cNvContentPartPr/>
                <p14:nvPr/>
              </p14:nvContentPartPr>
              <p14:xfrm>
                <a:off x="6059042" y="2038874"/>
                <a:ext cx="10080" cy="140040"/>
              </p14:xfrm>
            </p:contentPart>
          </mc:Choice>
          <mc:Fallback>
            <p:pic>
              <p:nvPicPr>
                <p:cNvPr id="156" name="Ink 155">
                  <a:extLst>
                    <a:ext uri="{FF2B5EF4-FFF2-40B4-BE49-F238E27FC236}">
                      <a16:creationId xmlns:a16="http://schemas.microsoft.com/office/drawing/2014/main" id="{7AB409AC-E096-0845-9F55-0C0D6AEF3D69}"/>
                    </a:ext>
                  </a:extLst>
                </p:cNvPr>
                <p:cNvPicPr/>
                <p:nvPr/>
              </p:nvPicPr>
              <p:blipFill>
                <a:blip r:embed="rId35"/>
                <a:stretch>
                  <a:fillRect/>
                </a:stretch>
              </p:blipFill>
              <p:spPr>
                <a:xfrm>
                  <a:off x="6054722" y="2034554"/>
                  <a:ext cx="18720" cy="1486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6">
              <p14:nvContentPartPr>
                <p14:cNvPr id="157" name="Ink 156">
                  <a:extLst>
                    <a:ext uri="{FF2B5EF4-FFF2-40B4-BE49-F238E27FC236}">
                      <a16:creationId xmlns:a16="http://schemas.microsoft.com/office/drawing/2014/main" id="{412AA4FF-60E4-E447-9FAD-0F0986147870}"/>
                    </a:ext>
                  </a:extLst>
                </p14:cNvPr>
                <p14:cNvContentPartPr/>
                <p14:nvPr/>
              </p14:nvContentPartPr>
              <p14:xfrm>
                <a:off x="6030242" y="2094314"/>
                <a:ext cx="70200" cy="2880"/>
              </p14:xfrm>
            </p:contentPart>
          </mc:Choice>
          <mc:Fallback>
            <p:pic>
              <p:nvPicPr>
                <p:cNvPr id="157" name="Ink 156">
                  <a:extLst>
                    <a:ext uri="{FF2B5EF4-FFF2-40B4-BE49-F238E27FC236}">
                      <a16:creationId xmlns:a16="http://schemas.microsoft.com/office/drawing/2014/main" id="{412AA4FF-60E4-E447-9FAD-0F0986147870}"/>
                    </a:ext>
                  </a:extLst>
                </p:cNvPr>
                <p:cNvPicPr/>
                <p:nvPr/>
              </p:nvPicPr>
              <p:blipFill>
                <a:blip r:embed="rId37"/>
                <a:stretch>
                  <a:fillRect/>
                </a:stretch>
              </p:blipFill>
              <p:spPr>
                <a:xfrm>
                  <a:off x="6025922" y="2089377"/>
                  <a:ext cx="78840" cy="12754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8">
              <p14:nvContentPartPr>
                <p14:cNvPr id="158" name="Ink 157">
                  <a:extLst>
                    <a:ext uri="{FF2B5EF4-FFF2-40B4-BE49-F238E27FC236}">
                      <a16:creationId xmlns:a16="http://schemas.microsoft.com/office/drawing/2014/main" id="{EFDF6E48-8EC2-AF4A-B96C-FFCAB6383396}"/>
                    </a:ext>
                  </a:extLst>
                </p14:cNvPr>
                <p14:cNvContentPartPr/>
                <p14:nvPr/>
              </p14:nvContentPartPr>
              <p14:xfrm>
                <a:off x="6133922" y="2098994"/>
                <a:ext cx="104040" cy="89640"/>
              </p14:xfrm>
            </p:contentPart>
          </mc:Choice>
          <mc:Fallback>
            <p:pic>
              <p:nvPicPr>
                <p:cNvPr id="158" name="Ink 157">
                  <a:extLst>
                    <a:ext uri="{FF2B5EF4-FFF2-40B4-BE49-F238E27FC236}">
                      <a16:creationId xmlns:a16="http://schemas.microsoft.com/office/drawing/2014/main" id="{EFDF6E48-8EC2-AF4A-B96C-FFCAB6383396}"/>
                    </a:ext>
                  </a:extLst>
                </p:cNvPr>
                <p:cNvPicPr/>
                <p:nvPr/>
              </p:nvPicPr>
              <p:blipFill>
                <a:blip r:embed="rId39"/>
                <a:stretch>
                  <a:fillRect/>
                </a:stretch>
              </p:blipFill>
              <p:spPr>
                <a:xfrm>
                  <a:off x="6129602" y="2094674"/>
                  <a:ext cx="112680" cy="982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40">
              <p14:nvContentPartPr>
                <p14:cNvPr id="159" name="Ink 158">
                  <a:extLst>
                    <a:ext uri="{FF2B5EF4-FFF2-40B4-BE49-F238E27FC236}">
                      <a16:creationId xmlns:a16="http://schemas.microsoft.com/office/drawing/2014/main" id="{4748EE36-B513-D945-B163-975518647255}"/>
                    </a:ext>
                  </a:extLst>
                </p14:cNvPr>
                <p14:cNvContentPartPr/>
                <p14:nvPr/>
              </p14:nvContentPartPr>
              <p14:xfrm>
                <a:off x="6263882" y="2111234"/>
                <a:ext cx="51120" cy="65520"/>
              </p14:xfrm>
            </p:contentPart>
          </mc:Choice>
          <mc:Fallback>
            <p:pic>
              <p:nvPicPr>
                <p:cNvPr id="159" name="Ink 158">
                  <a:extLst>
                    <a:ext uri="{FF2B5EF4-FFF2-40B4-BE49-F238E27FC236}">
                      <a16:creationId xmlns:a16="http://schemas.microsoft.com/office/drawing/2014/main" id="{4748EE36-B513-D945-B163-975518647255}"/>
                    </a:ext>
                  </a:extLst>
                </p:cNvPr>
                <p:cNvPicPr/>
                <p:nvPr/>
              </p:nvPicPr>
              <p:blipFill>
                <a:blip r:embed="rId41"/>
                <a:stretch>
                  <a:fillRect/>
                </a:stretch>
              </p:blipFill>
              <p:spPr>
                <a:xfrm>
                  <a:off x="6259562" y="2106914"/>
                  <a:ext cx="59760" cy="741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42">
              <p14:nvContentPartPr>
                <p14:cNvPr id="160" name="Ink 159">
                  <a:extLst>
                    <a:ext uri="{FF2B5EF4-FFF2-40B4-BE49-F238E27FC236}">
                      <a16:creationId xmlns:a16="http://schemas.microsoft.com/office/drawing/2014/main" id="{510AF78A-95B6-6245-BF0D-45C86E5C9575}"/>
                    </a:ext>
                  </a:extLst>
                </p14:cNvPr>
                <p14:cNvContentPartPr/>
                <p14:nvPr/>
              </p14:nvContentPartPr>
              <p14:xfrm>
                <a:off x="6341282" y="2106194"/>
                <a:ext cx="63000" cy="75240"/>
              </p14:xfrm>
            </p:contentPart>
          </mc:Choice>
          <mc:Fallback>
            <p:pic>
              <p:nvPicPr>
                <p:cNvPr id="160" name="Ink 159">
                  <a:extLst>
                    <a:ext uri="{FF2B5EF4-FFF2-40B4-BE49-F238E27FC236}">
                      <a16:creationId xmlns:a16="http://schemas.microsoft.com/office/drawing/2014/main" id="{510AF78A-95B6-6245-BF0D-45C86E5C9575}"/>
                    </a:ext>
                  </a:extLst>
                </p:cNvPr>
                <p:cNvPicPr/>
                <p:nvPr/>
              </p:nvPicPr>
              <p:blipFill>
                <a:blip r:embed="rId43"/>
                <a:stretch>
                  <a:fillRect/>
                </a:stretch>
              </p:blipFill>
              <p:spPr>
                <a:xfrm>
                  <a:off x="6336962" y="2101874"/>
                  <a:ext cx="71640" cy="838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44">
              <p14:nvContentPartPr>
                <p14:cNvPr id="161" name="Ink 160">
                  <a:extLst>
                    <a:ext uri="{FF2B5EF4-FFF2-40B4-BE49-F238E27FC236}">
                      <a16:creationId xmlns:a16="http://schemas.microsoft.com/office/drawing/2014/main" id="{EE264845-A252-0C4C-B1D6-60BACB6FEBD6}"/>
                    </a:ext>
                  </a:extLst>
                </p14:cNvPr>
                <p14:cNvContentPartPr/>
                <p14:nvPr/>
              </p14:nvContentPartPr>
              <p14:xfrm>
                <a:off x="6428042" y="2019434"/>
                <a:ext cx="99000" cy="181080"/>
              </p14:xfrm>
            </p:contentPart>
          </mc:Choice>
          <mc:Fallback>
            <p:pic>
              <p:nvPicPr>
                <p:cNvPr id="161" name="Ink 160">
                  <a:extLst>
                    <a:ext uri="{FF2B5EF4-FFF2-40B4-BE49-F238E27FC236}">
                      <a16:creationId xmlns:a16="http://schemas.microsoft.com/office/drawing/2014/main" id="{EE264845-A252-0C4C-B1D6-60BACB6FEBD6}"/>
                    </a:ext>
                  </a:extLst>
                </p:cNvPr>
                <p:cNvPicPr/>
                <p:nvPr/>
              </p:nvPicPr>
              <p:blipFill>
                <a:blip r:embed="rId45"/>
                <a:stretch>
                  <a:fillRect/>
                </a:stretch>
              </p:blipFill>
              <p:spPr>
                <a:xfrm>
                  <a:off x="6423738" y="2015114"/>
                  <a:ext cx="107609" cy="1897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46">
              <p14:nvContentPartPr>
                <p14:cNvPr id="162" name="Ink 161">
                  <a:extLst>
                    <a:ext uri="{FF2B5EF4-FFF2-40B4-BE49-F238E27FC236}">
                      <a16:creationId xmlns:a16="http://schemas.microsoft.com/office/drawing/2014/main" id="{61A620CB-C42F-3749-8CB9-5CB96E21080C}"/>
                    </a:ext>
                  </a:extLst>
                </p14:cNvPr>
                <p14:cNvContentPartPr/>
                <p14:nvPr/>
              </p14:nvContentPartPr>
              <p14:xfrm>
                <a:off x="6582122" y="1978754"/>
                <a:ext cx="123120" cy="366480"/>
              </p14:xfrm>
            </p:contentPart>
          </mc:Choice>
          <mc:Fallback>
            <p:pic>
              <p:nvPicPr>
                <p:cNvPr id="162" name="Ink 161">
                  <a:extLst>
                    <a:ext uri="{FF2B5EF4-FFF2-40B4-BE49-F238E27FC236}">
                      <a16:creationId xmlns:a16="http://schemas.microsoft.com/office/drawing/2014/main" id="{61A620CB-C42F-3749-8CB9-5CB96E21080C}"/>
                    </a:ext>
                  </a:extLst>
                </p:cNvPr>
                <p:cNvPicPr/>
                <p:nvPr/>
              </p:nvPicPr>
              <p:blipFill>
                <a:blip r:embed="rId47"/>
                <a:stretch>
                  <a:fillRect/>
                </a:stretch>
              </p:blipFill>
              <p:spPr>
                <a:xfrm>
                  <a:off x="6577802" y="1974434"/>
                  <a:ext cx="131760" cy="3751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48">
              <p14:nvContentPartPr>
                <p14:cNvPr id="163" name="Ink 162">
                  <a:extLst>
                    <a:ext uri="{FF2B5EF4-FFF2-40B4-BE49-F238E27FC236}">
                      <a16:creationId xmlns:a16="http://schemas.microsoft.com/office/drawing/2014/main" id="{0BD1F676-CD8A-B944-8455-E835530853AD}"/>
                    </a:ext>
                  </a:extLst>
                </p14:cNvPr>
                <p14:cNvContentPartPr/>
                <p14:nvPr/>
              </p14:nvContentPartPr>
              <p14:xfrm>
                <a:off x="6712442" y="2046074"/>
                <a:ext cx="72720" cy="156960"/>
              </p14:xfrm>
            </p:contentPart>
          </mc:Choice>
          <mc:Fallback>
            <p:pic>
              <p:nvPicPr>
                <p:cNvPr id="163" name="Ink 162">
                  <a:extLst>
                    <a:ext uri="{FF2B5EF4-FFF2-40B4-BE49-F238E27FC236}">
                      <a16:creationId xmlns:a16="http://schemas.microsoft.com/office/drawing/2014/main" id="{0BD1F676-CD8A-B944-8455-E835530853AD}"/>
                    </a:ext>
                  </a:extLst>
                </p:cNvPr>
                <p:cNvPicPr/>
                <p:nvPr/>
              </p:nvPicPr>
              <p:blipFill>
                <a:blip r:embed="rId49"/>
                <a:stretch>
                  <a:fillRect/>
                </a:stretch>
              </p:blipFill>
              <p:spPr>
                <a:xfrm>
                  <a:off x="6708122" y="2041754"/>
                  <a:ext cx="81360" cy="165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50">
              <p14:nvContentPartPr>
                <p14:cNvPr id="166" name="Ink 165">
                  <a:extLst>
                    <a:ext uri="{FF2B5EF4-FFF2-40B4-BE49-F238E27FC236}">
                      <a16:creationId xmlns:a16="http://schemas.microsoft.com/office/drawing/2014/main" id="{981D1208-3C79-8D49-9465-3324E6F377E2}"/>
                    </a:ext>
                  </a:extLst>
                </p14:cNvPr>
                <p14:cNvContentPartPr/>
                <p14:nvPr/>
              </p14:nvContentPartPr>
              <p14:xfrm>
                <a:off x="6852122" y="2048954"/>
                <a:ext cx="14760" cy="161640"/>
              </p14:xfrm>
            </p:contentPart>
          </mc:Choice>
          <mc:Fallback>
            <p:pic>
              <p:nvPicPr>
                <p:cNvPr id="166" name="Ink 165">
                  <a:extLst>
                    <a:ext uri="{FF2B5EF4-FFF2-40B4-BE49-F238E27FC236}">
                      <a16:creationId xmlns:a16="http://schemas.microsoft.com/office/drawing/2014/main" id="{981D1208-3C79-8D49-9465-3324E6F377E2}"/>
                    </a:ext>
                  </a:extLst>
                </p:cNvPr>
                <p:cNvPicPr/>
                <p:nvPr/>
              </p:nvPicPr>
              <p:blipFill>
                <a:blip r:embed="rId51"/>
                <a:stretch>
                  <a:fillRect/>
                </a:stretch>
              </p:blipFill>
              <p:spPr>
                <a:xfrm>
                  <a:off x="6847802" y="2044634"/>
                  <a:ext cx="23400" cy="1702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52">
              <p14:nvContentPartPr>
                <p14:cNvPr id="167" name="Ink 166">
                  <a:extLst>
                    <a:ext uri="{FF2B5EF4-FFF2-40B4-BE49-F238E27FC236}">
                      <a16:creationId xmlns:a16="http://schemas.microsoft.com/office/drawing/2014/main" id="{748D8C1B-5DE9-9E42-8C83-66C06107AB3C}"/>
                    </a:ext>
                  </a:extLst>
                </p14:cNvPr>
                <p14:cNvContentPartPr/>
                <p14:nvPr/>
              </p14:nvContentPartPr>
              <p14:xfrm>
                <a:off x="6905042" y="2118434"/>
                <a:ext cx="53280" cy="91800"/>
              </p14:xfrm>
            </p:contentPart>
          </mc:Choice>
          <mc:Fallback>
            <p:pic>
              <p:nvPicPr>
                <p:cNvPr id="167" name="Ink 166">
                  <a:extLst>
                    <a:ext uri="{FF2B5EF4-FFF2-40B4-BE49-F238E27FC236}">
                      <a16:creationId xmlns:a16="http://schemas.microsoft.com/office/drawing/2014/main" id="{748D8C1B-5DE9-9E42-8C83-66C06107AB3C}"/>
                    </a:ext>
                  </a:extLst>
                </p:cNvPr>
                <p:cNvPicPr/>
                <p:nvPr/>
              </p:nvPicPr>
              <p:blipFill>
                <a:blip r:embed="rId53"/>
                <a:stretch>
                  <a:fillRect/>
                </a:stretch>
              </p:blipFill>
              <p:spPr>
                <a:xfrm>
                  <a:off x="6900722" y="2114131"/>
                  <a:ext cx="61920" cy="100406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54">
              <p14:nvContentPartPr>
                <p14:cNvPr id="168" name="Ink 167">
                  <a:extLst>
                    <a:ext uri="{FF2B5EF4-FFF2-40B4-BE49-F238E27FC236}">
                      <a16:creationId xmlns:a16="http://schemas.microsoft.com/office/drawing/2014/main" id="{6A0DCD40-2505-3C45-A45E-4B20D327B8E7}"/>
                    </a:ext>
                  </a:extLst>
                </p14:cNvPr>
                <p14:cNvContentPartPr/>
                <p14:nvPr/>
              </p14:nvContentPartPr>
              <p14:xfrm>
                <a:off x="6984602" y="2137874"/>
                <a:ext cx="46080" cy="77400"/>
              </p14:xfrm>
            </p:contentPart>
          </mc:Choice>
          <mc:Fallback>
            <p:pic>
              <p:nvPicPr>
                <p:cNvPr id="168" name="Ink 167">
                  <a:extLst>
                    <a:ext uri="{FF2B5EF4-FFF2-40B4-BE49-F238E27FC236}">
                      <a16:creationId xmlns:a16="http://schemas.microsoft.com/office/drawing/2014/main" id="{6A0DCD40-2505-3C45-A45E-4B20D327B8E7}"/>
                    </a:ext>
                  </a:extLst>
                </p:cNvPr>
                <p:cNvPicPr/>
                <p:nvPr/>
              </p:nvPicPr>
              <p:blipFill>
                <a:blip r:embed="rId55"/>
                <a:stretch>
                  <a:fillRect/>
                </a:stretch>
              </p:blipFill>
              <p:spPr>
                <a:xfrm>
                  <a:off x="6980282" y="2133554"/>
                  <a:ext cx="54720" cy="860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56">
              <p14:nvContentPartPr>
                <p14:cNvPr id="169" name="Ink 168">
                  <a:extLst>
                    <a:ext uri="{FF2B5EF4-FFF2-40B4-BE49-F238E27FC236}">
                      <a16:creationId xmlns:a16="http://schemas.microsoft.com/office/drawing/2014/main" id="{88E603EA-397E-F345-8D6A-8DF1C913108B}"/>
                    </a:ext>
                  </a:extLst>
                </p14:cNvPr>
                <p14:cNvContentPartPr/>
                <p14:nvPr/>
              </p14:nvContentPartPr>
              <p14:xfrm>
                <a:off x="7066682" y="2080994"/>
                <a:ext cx="118440" cy="138960"/>
              </p14:xfrm>
            </p:contentPart>
          </mc:Choice>
          <mc:Fallback>
            <p:pic>
              <p:nvPicPr>
                <p:cNvPr id="169" name="Ink 168">
                  <a:extLst>
                    <a:ext uri="{FF2B5EF4-FFF2-40B4-BE49-F238E27FC236}">
                      <a16:creationId xmlns:a16="http://schemas.microsoft.com/office/drawing/2014/main" id="{88E603EA-397E-F345-8D6A-8DF1C913108B}"/>
                    </a:ext>
                  </a:extLst>
                </p:cNvPr>
                <p:cNvPicPr/>
                <p:nvPr/>
              </p:nvPicPr>
              <p:blipFill>
                <a:blip r:embed="rId57"/>
                <a:stretch>
                  <a:fillRect/>
                </a:stretch>
              </p:blipFill>
              <p:spPr>
                <a:xfrm>
                  <a:off x="7062362" y="2076685"/>
                  <a:ext cx="127080" cy="147578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82" name="Group 181">
            <a:extLst>
              <a:ext uri="{FF2B5EF4-FFF2-40B4-BE49-F238E27FC236}">
                <a16:creationId xmlns:a16="http://schemas.microsoft.com/office/drawing/2014/main" id="{3580A347-2989-7F41-B6C8-C1BC888ED162}"/>
              </a:ext>
            </a:extLst>
          </p:cNvPr>
          <p:cNvGrpSpPr/>
          <p:nvPr/>
        </p:nvGrpSpPr>
        <p:grpSpPr>
          <a:xfrm>
            <a:off x="6588642" y="2122214"/>
            <a:ext cx="836640" cy="198000"/>
            <a:chOff x="5929082" y="2311394"/>
            <a:chExt cx="836640" cy="1980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58">
              <p14:nvContentPartPr>
                <p14:cNvPr id="171" name="Ink 170">
                  <a:extLst>
                    <a:ext uri="{FF2B5EF4-FFF2-40B4-BE49-F238E27FC236}">
                      <a16:creationId xmlns:a16="http://schemas.microsoft.com/office/drawing/2014/main" id="{12971C4C-E10D-7846-99E2-25FDE7188C98}"/>
                    </a:ext>
                  </a:extLst>
                </p14:cNvPr>
                <p14:cNvContentPartPr/>
                <p14:nvPr/>
              </p14:nvContentPartPr>
              <p14:xfrm>
                <a:off x="5950682" y="2320754"/>
                <a:ext cx="12240" cy="164160"/>
              </p14:xfrm>
            </p:contentPart>
          </mc:Choice>
          <mc:Fallback>
            <p:pic>
              <p:nvPicPr>
                <p:cNvPr id="171" name="Ink 170">
                  <a:extLst>
                    <a:ext uri="{FF2B5EF4-FFF2-40B4-BE49-F238E27FC236}">
                      <a16:creationId xmlns:a16="http://schemas.microsoft.com/office/drawing/2014/main" id="{12971C4C-E10D-7846-99E2-25FDE7188C98}"/>
                    </a:ext>
                  </a:extLst>
                </p:cNvPr>
                <p:cNvPicPr/>
                <p:nvPr/>
              </p:nvPicPr>
              <p:blipFill>
                <a:blip r:embed="rId59"/>
                <a:stretch>
                  <a:fillRect/>
                </a:stretch>
              </p:blipFill>
              <p:spPr>
                <a:xfrm>
                  <a:off x="5946362" y="2316434"/>
                  <a:ext cx="20880" cy="1728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60">
              <p14:nvContentPartPr>
                <p14:cNvPr id="172" name="Ink 171">
                  <a:extLst>
                    <a:ext uri="{FF2B5EF4-FFF2-40B4-BE49-F238E27FC236}">
                      <a16:creationId xmlns:a16="http://schemas.microsoft.com/office/drawing/2014/main" id="{7DD6ABFF-C859-9E44-B358-850FF08E5683}"/>
                    </a:ext>
                  </a:extLst>
                </p14:cNvPr>
                <p14:cNvContentPartPr/>
                <p14:nvPr/>
              </p14:nvContentPartPr>
              <p14:xfrm>
                <a:off x="5950682" y="2311394"/>
                <a:ext cx="108720" cy="14760"/>
              </p14:xfrm>
            </p:contentPart>
          </mc:Choice>
          <mc:Fallback>
            <p:pic>
              <p:nvPicPr>
                <p:cNvPr id="172" name="Ink 171">
                  <a:extLst>
                    <a:ext uri="{FF2B5EF4-FFF2-40B4-BE49-F238E27FC236}">
                      <a16:creationId xmlns:a16="http://schemas.microsoft.com/office/drawing/2014/main" id="{7DD6ABFF-C859-9E44-B358-850FF08E5683}"/>
                    </a:ext>
                  </a:extLst>
                </p:cNvPr>
                <p:cNvPicPr/>
                <p:nvPr/>
              </p:nvPicPr>
              <p:blipFill>
                <a:blip r:embed="rId61"/>
                <a:stretch>
                  <a:fillRect/>
                </a:stretch>
              </p:blipFill>
              <p:spPr>
                <a:xfrm>
                  <a:off x="5946362" y="2307074"/>
                  <a:ext cx="117360" cy="234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62">
              <p14:nvContentPartPr>
                <p14:cNvPr id="173" name="Ink 172">
                  <a:extLst>
                    <a:ext uri="{FF2B5EF4-FFF2-40B4-BE49-F238E27FC236}">
                      <a16:creationId xmlns:a16="http://schemas.microsoft.com/office/drawing/2014/main" id="{D78FC672-D939-0A47-9E26-375BF67EE547}"/>
                    </a:ext>
                  </a:extLst>
                </p14:cNvPr>
                <p14:cNvContentPartPr/>
                <p14:nvPr/>
              </p14:nvContentPartPr>
              <p14:xfrm>
                <a:off x="5933762" y="2402834"/>
                <a:ext cx="99000" cy="7560"/>
              </p14:xfrm>
            </p:contentPart>
          </mc:Choice>
          <mc:Fallback>
            <p:pic>
              <p:nvPicPr>
                <p:cNvPr id="173" name="Ink 172">
                  <a:extLst>
                    <a:ext uri="{FF2B5EF4-FFF2-40B4-BE49-F238E27FC236}">
                      <a16:creationId xmlns:a16="http://schemas.microsoft.com/office/drawing/2014/main" id="{D78FC672-D939-0A47-9E26-375BF67EE547}"/>
                    </a:ext>
                  </a:extLst>
                </p:cNvPr>
                <p:cNvPicPr/>
                <p:nvPr/>
              </p:nvPicPr>
              <p:blipFill>
                <a:blip r:embed="rId63"/>
                <a:stretch>
                  <a:fillRect/>
                </a:stretch>
              </p:blipFill>
              <p:spPr>
                <a:xfrm>
                  <a:off x="5929442" y="2398710"/>
                  <a:ext cx="107640" cy="15807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64">
              <p14:nvContentPartPr>
                <p14:cNvPr id="174" name="Ink 173">
                  <a:extLst>
                    <a:ext uri="{FF2B5EF4-FFF2-40B4-BE49-F238E27FC236}">
                      <a16:creationId xmlns:a16="http://schemas.microsoft.com/office/drawing/2014/main" id="{67864252-CF65-9444-8272-4FFB699E1545}"/>
                    </a:ext>
                  </a:extLst>
                </p14:cNvPr>
                <p14:cNvContentPartPr/>
                <p14:nvPr/>
              </p14:nvContentPartPr>
              <p14:xfrm>
                <a:off x="5929082" y="2470154"/>
                <a:ext cx="111240" cy="7560"/>
              </p14:xfrm>
            </p:contentPart>
          </mc:Choice>
          <mc:Fallback>
            <p:pic>
              <p:nvPicPr>
                <p:cNvPr id="174" name="Ink 173">
                  <a:extLst>
                    <a:ext uri="{FF2B5EF4-FFF2-40B4-BE49-F238E27FC236}">
                      <a16:creationId xmlns:a16="http://schemas.microsoft.com/office/drawing/2014/main" id="{67864252-CF65-9444-8272-4FFB699E1545}"/>
                    </a:ext>
                  </a:extLst>
                </p:cNvPr>
                <p:cNvPicPr/>
                <p:nvPr/>
              </p:nvPicPr>
              <p:blipFill>
                <a:blip r:embed="rId65"/>
                <a:stretch>
                  <a:fillRect/>
                </a:stretch>
              </p:blipFill>
              <p:spPr>
                <a:xfrm>
                  <a:off x="5924762" y="2465834"/>
                  <a:ext cx="119880" cy="16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66">
              <p14:nvContentPartPr>
                <p14:cNvPr id="175" name="Ink 174">
                  <a:extLst>
                    <a:ext uri="{FF2B5EF4-FFF2-40B4-BE49-F238E27FC236}">
                      <a16:creationId xmlns:a16="http://schemas.microsoft.com/office/drawing/2014/main" id="{448D3DB0-4C75-0B45-9C63-6C6BF6EDEE44}"/>
                    </a:ext>
                  </a:extLst>
                </p14:cNvPr>
                <p14:cNvContentPartPr/>
                <p14:nvPr/>
              </p14:nvContentPartPr>
              <p14:xfrm>
                <a:off x="6064082" y="2405354"/>
                <a:ext cx="106560" cy="79920"/>
              </p14:xfrm>
            </p:contentPart>
          </mc:Choice>
          <mc:Fallback>
            <p:pic>
              <p:nvPicPr>
                <p:cNvPr id="175" name="Ink 174">
                  <a:extLst>
                    <a:ext uri="{FF2B5EF4-FFF2-40B4-BE49-F238E27FC236}">
                      <a16:creationId xmlns:a16="http://schemas.microsoft.com/office/drawing/2014/main" id="{448D3DB0-4C75-0B45-9C63-6C6BF6EDEE44}"/>
                    </a:ext>
                  </a:extLst>
                </p:cNvPr>
                <p:cNvPicPr/>
                <p:nvPr/>
              </p:nvPicPr>
              <p:blipFill>
                <a:blip r:embed="rId67"/>
                <a:stretch>
                  <a:fillRect/>
                </a:stretch>
              </p:blipFill>
              <p:spPr>
                <a:xfrm>
                  <a:off x="6059762" y="2401034"/>
                  <a:ext cx="115200" cy="885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68">
              <p14:nvContentPartPr>
                <p14:cNvPr id="176" name="Ink 175">
                  <a:extLst>
                    <a:ext uri="{FF2B5EF4-FFF2-40B4-BE49-F238E27FC236}">
                      <a16:creationId xmlns:a16="http://schemas.microsoft.com/office/drawing/2014/main" id="{7BAF1021-EC31-1B44-A63E-B38684C514A0}"/>
                    </a:ext>
                  </a:extLst>
                </p14:cNvPr>
                <p14:cNvContentPartPr/>
                <p14:nvPr/>
              </p14:nvContentPartPr>
              <p14:xfrm>
                <a:off x="6223202" y="2410394"/>
                <a:ext cx="84600" cy="79560"/>
              </p14:xfrm>
            </p:contentPart>
          </mc:Choice>
          <mc:Fallback>
            <p:pic>
              <p:nvPicPr>
                <p:cNvPr id="176" name="Ink 175">
                  <a:extLst>
                    <a:ext uri="{FF2B5EF4-FFF2-40B4-BE49-F238E27FC236}">
                      <a16:creationId xmlns:a16="http://schemas.microsoft.com/office/drawing/2014/main" id="{7BAF1021-EC31-1B44-A63E-B38684C514A0}"/>
                    </a:ext>
                  </a:extLst>
                </p:cNvPr>
                <p:cNvPicPr/>
                <p:nvPr/>
              </p:nvPicPr>
              <p:blipFill>
                <a:blip r:embed="rId69"/>
                <a:stretch>
                  <a:fillRect/>
                </a:stretch>
              </p:blipFill>
              <p:spPr>
                <a:xfrm>
                  <a:off x="6218882" y="2406093"/>
                  <a:ext cx="93240" cy="88161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0">
              <p14:nvContentPartPr>
                <p14:cNvPr id="177" name="Ink 176">
                  <a:extLst>
                    <a:ext uri="{FF2B5EF4-FFF2-40B4-BE49-F238E27FC236}">
                      <a16:creationId xmlns:a16="http://schemas.microsoft.com/office/drawing/2014/main" id="{DD03D0BB-A3EE-5E49-84C0-EC3B971CD73E}"/>
                    </a:ext>
                  </a:extLst>
                </p14:cNvPr>
                <p14:cNvContentPartPr/>
                <p14:nvPr/>
              </p14:nvContentPartPr>
              <p14:xfrm>
                <a:off x="6343442" y="2318594"/>
                <a:ext cx="36360" cy="149760"/>
              </p14:xfrm>
            </p:contentPart>
          </mc:Choice>
          <mc:Fallback>
            <p:pic>
              <p:nvPicPr>
                <p:cNvPr id="177" name="Ink 176">
                  <a:extLst>
                    <a:ext uri="{FF2B5EF4-FFF2-40B4-BE49-F238E27FC236}">
                      <a16:creationId xmlns:a16="http://schemas.microsoft.com/office/drawing/2014/main" id="{DD03D0BB-A3EE-5E49-84C0-EC3B971CD73E}"/>
                    </a:ext>
                  </a:extLst>
                </p:cNvPr>
                <p:cNvPicPr/>
                <p:nvPr/>
              </p:nvPicPr>
              <p:blipFill>
                <a:blip r:embed="rId71"/>
                <a:stretch>
                  <a:fillRect/>
                </a:stretch>
              </p:blipFill>
              <p:spPr>
                <a:xfrm>
                  <a:off x="6339122" y="2314274"/>
                  <a:ext cx="45000" cy="1584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2">
              <p14:nvContentPartPr>
                <p14:cNvPr id="178" name="Ink 177">
                  <a:extLst>
                    <a:ext uri="{FF2B5EF4-FFF2-40B4-BE49-F238E27FC236}">
                      <a16:creationId xmlns:a16="http://schemas.microsoft.com/office/drawing/2014/main" id="{8BB22898-8065-2049-B1F8-FD2089D8373C}"/>
                    </a:ext>
                  </a:extLst>
                </p14:cNvPr>
                <p14:cNvContentPartPr/>
                <p14:nvPr/>
              </p14:nvContentPartPr>
              <p14:xfrm>
                <a:off x="6403922" y="2422274"/>
                <a:ext cx="53280" cy="87120"/>
              </p14:xfrm>
            </p:contentPart>
          </mc:Choice>
          <mc:Fallback>
            <p:pic>
              <p:nvPicPr>
                <p:cNvPr id="178" name="Ink 177">
                  <a:extLst>
                    <a:ext uri="{FF2B5EF4-FFF2-40B4-BE49-F238E27FC236}">
                      <a16:creationId xmlns:a16="http://schemas.microsoft.com/office/drawing/2014/main" id="{8BB22898-8065-2049-B1F8-FD2089D8373C}"/>
                    </a:ext>
                  </a:extLst>
                </p:cNvPr>
                <p:cNvPicPr/>
                <p:nvPr/>
              </p:nvPicPr>
              <p:blipFill>
                <a:blip r:embed="rId73"/>
                <a:stretch>
                  <a:fillRect/>
                </a:stretch>
              </p:blipFill>
              <p:spPr>
                <a:xfrm>
                  <a:off x="6399631" y="2417954"/>
                  <a:ext cx="61862" cy="95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4">
              <p14:nvContentPartPr>
                <p14:cNvPr id="179" name="Ink 178">
                  <a:extLst>
                    <a:ext uri="{FF2B5EF4-FFF2-40B4-BE49-F238E27FC236}">
                      <a16:creationId xmlns:a16="http://schemas.microsoft.com/office/drawing/2014/main" id="{11D78223-C112-9542-9C86-1B671A2693D5}"/>
                    </a:ext>
                  </a:extLst>
                </p14:cNvPr>
                <p14:cNvContentPartPr/>
                <p14:nvPr/>
              </p14:nvContentPartPr>
              <p14:xfrm>
                <a:off x="6488162" y="2407514"/>
                <a:ext cx="77400" cy="84600"/>
              </p14:xfrm>
            </p:contentPart>
          </mc:Choice>
          <mc:Fallback>
            <p:pic>
              <p:nvPicPr>
                <p:cNvPr id="179" name="Ink 178">
                  <a:extLst>
                    <a:ext uri="{FF2B5EF4-FFF2-40B4-BE49-F238E27FC236}">
                      <a16:creationId xmlns:a16="http://schemas.microsoft.com/office/drawing/2014/main" id="{11D78223-C112-9542-9C86-1B671A2693D5}"/>
                    </a:ext>
                  </a:extLst>
                </p:cNvPr>
                <p:cNvPicPr/>
                <p:nvPr/>
              </p:nvPicPr>
              <p:blipFill>
                <a:blip r:embed="rId75"/>
                <a:stretch>
                  <a:fillRect/>
                </a:stretch>
              </p:blipFill>
              <p:spPr>
                <a:xfrm>
                  <a:off x="6483842" y="2403194"/>
                  <a:ext cx="86040" cy="932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6">
              <p14:nvContentPartPr>
                <p14:cNvPr id="180" name="Ink 179">
                  <a:extLst>
                    <a:ext uri="{FF2B5EF4-FFF2-40B4-BE49-F238E27FC236}">
                      <a16:creationId xmlns:a16="http://schemas.microsoft.com/office/drawing/2014/main" id="{B8015D3A-52F9-F34A-9487-394075C5FF9D}"/>
                    </a:ext>
                  </a:extLst>
                </p14:cNvPr>
                <p14:cNvContentPartPr/>
                <p14:nvPr/>
              </p14:nvContentPartPr>
              <p14:xfrm>
                <a:off x="6584642" y="2424434"/>
                <a:ext cx="55800" cy="70200"/>
              </p14:xfrm>
            </p:contentPart>
          </mc:Choice>
          <mc:Fallback>
            <p:pic>
              <p:nvPicPr>
                <p:cNvPr id="180" name="Ink 179">
                  <a:extLst>
                    <a:ext uri="{FF2B5EF4-FFF2-40B4-BE49-F238E27FC236}">
                      <a16:creationId xmlns:a16="http://schemas.microsoft.com/office/drawing/2014/main" id="{B8015D3A-52F9-F34A-9487-394075C5FF9D}"/>
                    </a:ext>
                  </a:extLst>
                </p:cNvPr>
                <p:cNvPicPr/>
                <p:nvPr/>
              </p:nvPicPr>
              <p:blipFill>
                <a:blip r:embed="rId77"/>
                <a:stretch>
                  <a:fillRect/>
                </a:stretch>
              </p:blipFill>
              <p:spPr>
                <a:xfrm>
                  <a:off x="6580322" y="2420114"/>
                  <a:ext cx="64440" cy="788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78">
              <p14:nvContentPartPr>
                <p14:cNvPr id="181" name="Ink 180">
                  <a:extLst>
                    <a:ext uri="{FF2B5EF4-FFF2-40B4-BE49-F238E27FC236}">
                      <a16:creationId xmlns:a16="http://schemas.microsoft.com/office/drawing/2014/main" id="{37DD66DF-047A-8E46-B310-AAAF2FA1761F}"/>
                    </a:ext>
                  </a:extLst>
                </p14:cNvPr>
                <p14:cNvContentPartPr/>
                <p14:nvPr/>
              </p14:nvContentPartPr>
              <p14:xfrm>
                <a:off x="6681122" y="2436674"/>
                <a:ext cx="84600" cy="65520"/>
              </p14:xfrm>
            </p:contentPart>
          </mc:Choice>
          <mc:Fallback>
            <p:pic>
              <p:nvPicPr>
                <p:cNvPr id="181" name="Ink 180">
                  <a:extLst>
                    <a:ext uri="{FF2B5EF4-FFF2-40B4-BE49-F238E27FC236}">
                      <a16:creationId xmlns:a16="http://schemas.microsoft.com/office/drawing/2014/main" id="{37DD66DF-047A-8E46-B310-AAAF2FA1761F}"/>
                    </a:ext>
                  </a:extLst>
                </p:cNvPr>
                <p:cNvPicPr/>
                <p:nvPr/>
              </p:nvPicPr>
              <p:blipFill>
                <a:blip r:embed="rId79"/>
                <a:stretch>
                  <a:fillRect/>
                </a:stretch>
              </p:blipFill>
              <p:spPr>
                <a:xfrm>
                  <a:off x="6676820" y="2432354"/>
                  <a:ext cx="93203" cy="7416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204" name="Group 203">
            <a:extLst>
              <a:ext uri="{FF2B5EF4-FFF2-40B4-BE49-F238E27FC236}">
                <a16:creationId xmlns:a16="http://schemas.microsoft.com/office/drawing/2014/main" id="{A812193A-290D-B646-87AE-77701635655E}"/>
              </a:ext>
            </a:extLst>
          </p:cNvPr>
          <p:cNvGrpSpPr/>
          <p:nvPr/>
        </p:nvGrpSpPr>
        <p:grpSpPr>
          <a:xfrm>
            <a:off x="4586620" y="2462204"/>
            <a:ext cx="811080" cy="230400"/>
            <a:chOff x="3927060" y="2651384"/>
            <a:chExt cx="811080" cy="2304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80">
              <p14:nvContentPartPr>
                <p14:cNvPr id="194" name="Ink 193">
                  <a:extLst>
                    <a:ext uri="{FF2B5EF4-FFF2-40B4-BE49-F238E27FC236}">
                      <a16:creationId xmlns:a16="http://schemas.microsoft.com/office/drawing/2014/main" id="{4E1E6F03-3E2D-3D4C-BC7B-D7AB7F5A7FC8}"/>
                    </a:ext>
                  </a:extLst>
                </p14:cNvPr>
                <p14:cNvContentPartPr/>
                <p14:nvPr/>
              </p14:nvContentPartPr>
              <p14:xfrm>
                <a:off x="3927060" y="2714744"/>
                <a:ext cx="127440" cy="167040"/>
              </p14:xfrm>
            </p:contentPart>
          </mc:Choice>
          <mc:Fallback>
            <p:pic>
              <p:nvPicPr>
                <p:cNvPr id="194" name="Ink 193">
                  <a:extLst>
                    <a:ext uri="{FF2B5EF4-FFF2-40B4-BE49-F238E27FC236}">
                      <a16:creationId xmlns:a16="http://schemas.microsoft.com/office/drawing/2014/main" id="{4E1E6F03-3E2D-3D4C-BC7B-D7AB7F5A7FC8}"/>
                    </a:ext>
                  </a:extLst>
                </p:cNvPr>
                <p:cNvPicPr/>
                <p:nvPr/>
              </p:nvPicPr>
              <p:blipFill>
                <a:blip r:embed="rId81"/>
                <a:stretch>
                  <a:fillRect/>
                </a:stretch>
              </p:blipFill>
              <p:spPr>
                <a:xfrm>
                  <a:off x="3922740" y="2710415"/>
                  <a:ext cx="136080" cy="175699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82">
              <p14:nvContentPartPr>
                <p14:cNvPr id="195" name="Ink 194">
                  <a:extLst>
                    <a:ext uri="{FF2B5EF4-FFF2-40B4-BE49-F238E27FC236}">
                      <a16:creationId xmlns:a16="http://schemas.microsoft.com/office/drawing/2014/main" id="{9DC8214B-FF12-C942-8E0C-CE224DF828C2}"/>
                    </a:ext>
                  </a:extLst>
                </p14:cNvPr>
                <p14:cNvContentPartPr/>
                <p14:nvPr/>
              </p14:nvContentPartPr>
              <p14:xfrm>
                <a:off x="4105980" y="2793944"/>
                <a:ext cx="77760" cy="82800"/>
              </p14:xfrm>
            </p:contentPart>
          </mc:Choice>
          <mc:Fallback>
            <p:pic>
              <p:nvPicPr>
                <p:cNvPr id="195" name="Ink 194">
                  <a:extLst>
                    <a:ext uri="{FF2B5EF4-FFF2-40B4-BE49-F238E27FC236}">
                      <a16:creationId xmlns:a16="http://schemas.microsoft.com/office/drawing/2014/main" id="{9DC8214B-FF12-C942-8E0C-CE224DF828C2}"/>
                    </a:ext>
                  </a:extLst>
                </p:cNvPr>
                <p:cNvPicPr/>
                <p:nvPr/>
              </p:nvPicPr>
              <p:blipFill>
                <a:blip r:embed="rId83"/>
                <a:stretch>
                  <a:fillRect/>
                </a:stretch>
              </p:blipFill>
              <p:spPr>
                <a:xfrm>
                  <a:off x="4101660" y="2789624"/>
                  <a:ext cx="86400" cy="914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84">
              <p14:nvContentPartPr>
                <p14:cNvPr id="196" name="Ink 195">
                  <a:extLst>
                    <a:ext uri="{FF2B5EF4-FFF2-40B4-BE49-F238E27FC236}">
                      <a16:creationId xmlns:a16="http://schemas.microsoft.com/office/drawing/2014/main" id="{6149EB9B-69E1-B340-AABD-F7506E0889C0}"/>
                    </a:ext>
                  </a:extLst>
                </p14:cNvPr>
                <p14:cNvContentPartPr/>
                <p14:nvPr/>
              </p14:nvContentPartPr>
              <p14:xfrm>
                <a:off x="4205340" y="2795384"/>
                <a:ext cx="69120" cy="75960"/>
              </p14:xfrm>
            </p:contentPart>
          </mc:Choice>
          <mc:Fallback>
            <p:pic>
              <p:nvPicPr>
                <p:cNvPr id="196" name="Ink 195">
                  <a:extLst>
                    <a:ext uri="{FF2B5EF4-FFF2-40B4-BE49-F238E27FC236}">
                      <a16:creationId xmlns:a16="http://schemas.microsoft.com/office/drawing/2014/main" id="{6149EB9B-69E1-B340-AABD-F7506E0889C0}"/>
                    </a:ext>
                  </a:extLst>
                </p:cNvPr>
                <p:cNvPicPr/>
                <p:nvPr/>
              </p:nvPicPr>
              <p:blipFill>
                <a:blip r:embed="rId85"/>
                <a:stretch>
                  <a:fillRect/>
                </a:stretch>
              </p:blipFill>
              <p:spPr>
                <a:xfrm>
                  <a:off x="4201020" y="2791064"/>
                  <a:ext cx="77760" cy="84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86">
              <p14:nvContentPartPr>
                <p14:cNvPr id="197" name="Ink 196">
                  <a:extLst>
                    <a:ext uri="{FF2B5EF4-FFF2-40B4-BE49-F238E27FC236}">
                      <a16:creationId xmlns:a16="http://schemas.microsoft.com/office/drawing/2014/main" id="{0AD799B8-D091-4941-804A-2D86E8F122F5}"/>
                    </a:ext>
                  </a:extLst>
                </p14:cNvPr>
                <p14:cNvContentPartPr/>
                <p14:nvPr/>
              </p14:nvContentPartPr>
              <p14:xfrm>
                <a:off x="4329180" y="2732024"/>
                <a:ext cx="12240" cy="132480"/>
              </p14:xfrm>
            </p:contentPart>
          </mc:Choice>
          <mc:Fallback>
            <p:pic>
              <p:nvPicPr>
                <p:cNvPr id="197" name="Ink 196">
                  <a:extLst>
                    <a:ext uri="{FF2B5EF4-FFF2-40B4-BE49-F238E27FC236}">
                      <a16:creationId xmlns:a16="http://schemas.microsoft.com/office/drawing/2014/main" id="{0AD799B8-D091-4941-804A-2D86E8F122F5}"/>
                    </a:ext>
                  </a:extLst>
                </p:cNvPr>
                <p:cNvPicPr/>
                <p:nvPr/>
              </p:nvPicPr>
              <p:blipFill>
                <a:blip r:embed="rId87"/>
                <a:stretch>
                  <a:fillRect/>
                </a:stretch>
              </p:blipFill>
              <p:spPr>
                <a:xfrm>
                  <a:off x="4324983" y="2727704"/>
                  <a:ext cx="20633" cy="1411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88">
              <p14:nvContentPartPr>
                <p14:cNvPr id="198" name="Ink 197">
                  <a:extLst>
                    <a:ext uri="{FF2B5EF4-FFF2-40B4-BE49-F238E27FC236}">
                      <a16:creationId xmlns:a16="http://schemas.microsoft.com/office/drawing/2014/main" id="{616411A8-ABCB-5A43-A5B5-B30531E0AF0E}"/>
                    </a:ext>
                  </a:extLst>
                </p14:cNvPr>
                <p14:cNvContentPartPr/>
                <p14:nvPr/>
              </p14:nvContentPartPr>
              <p14:xfrm>
                <a:off x="4298220" y="2781704"/>
                <a:ext cx="87840" cy="9000"/>
              </p14:xfrm>
            </p:contentPart>
          </mc:Choice>
          <mc:Fallback>
            <p:pic>
              <p:nvPicPr>
                <p:cNvPr id="198" name="Ink 197">
                  <a:extLst>
                    <a:ext uri="{FF2B5EF4-FFF2-40B4-BE49-F238E27FC236}">
                      <a16:creationId xmlns:a16="http://schemas.microsoft.com/office/drawing/2014/main" id="{616411A8-ABCB-5A43-A5B5-B30531E0AF0E}"/>
                    </a:ext>
                  </a:extLst>
                </p:cNvPr>
                <p:cNvPicPr/>
                <p:nvPr/>
              </p:nvPicPr>
              <p:blipFill>
                <a:blip r:embed="rId89"/>
                <a:stretch>
                  <a:fillRect/>
                </a:stretch>
              </p:blipFill>
              <p:spPr>
                <a:xfrm>
                  <a:off x="4293918" y="2777384"/>
                  <a:ext cx="96445" cy="176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90">
              <p14:nvContentPartPr>
                <p14:cNvPr id="200" name="Ink 199">
                  <a:extLst>
                    <a:ext uri="{FF2B5EF4-FFF2-40B4-BE49-F238E27FC236}">
                      <a16:creationId xmlns:a16="http://schemas.microsoft.com/office/drawing/2014/main" id="{92793B46-53B0-EA42-9F53-81ACF342FDC9}"/>
                    </a:ext>
                  </a:extLst>
                </p14:cNvPr>
                <p14:cNvContentPartPr/>
                <p14:nvPr/>
              </p14:nvContentPartPr>
              <p14:xfrm>
                <a:off x="4420260" y="2778464"/>
                <a:ext cx="70920" cy="89640"/>
              </p14:xfrm>
            </p:contentPart>
          </mc:Choice>
          <mc:Fallback>
            <p:pic>
              <p:nvPicPr>
                <p:cNvPr id="200" name="Ink 199">
                  <a:extLst>
                    <a:ext uri="{FF2B5EF4-FFF2-40B4-BE49-F238E27FC236}">
                      <a16:creationId xmlns:a16="http://schemas.microsoft.com/office/drawing/2014/main" id="{92793B46-53B0-EA42-9F53-81ACF342FDC9}"/>
                    </a:ext>
                  </a:extLst>
                </p:cNvPr>
                <p:cNvPicPr/>
                <p:nvPr/>
              </p:nvPicPr>
              <p:blipFill>
                <a:blip r:embed="rId91"/>
                <a:stretch>
                  <a:fillRect/>
                </a:stretch>
              </p:blipFill>
              <p:spPr>
                <a:xfrm>
                  <a:off x="4415940" y="2774144"/>
                  <a:ext cx="79560" cy="982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92">
              <p14:nvContentPartPr>
                <p14:cNvPr id="201" name="Ink 200">
                  <a:extLst>
                    <a:ext uri="{FF2B5EF4-FFF2-40B4-BE49-F238E27FC236}">
                      <a16:creationId xmlns:a16="http://schemas.microsoft.com/office/drawing/2014/main" id="{4F5801CA-AABA-D242-BB1C-20A3FEA7458C}"/>
                    </a:ext>
                  </a:extLst>
                </p14:cNvPr>
                <p14:cNvContentPartPr/>
                <p14:nvPr/>
              </p14:nvContentPartPr>
              <p14:xfrm>
                <a:off x="4502340" y="2773064"/>
                <a:ext cx="56880" cy="87840"/>
              </p14:xfrm>
            </p:contentPart>
          </mc:Choice>
          <mc:Fallback>
            <p:pic>
              <p:nvPicPr>
                <p:cNvPr id="201" name="Ink 200">
                  <a:extLst>
                    <a:ext uri="{FF2B5EF4-FFF2-40B4-BE49-F238E27FC236}">
                      <a16:creationId xmlns:a16="http://schemas.microsoft.com/office/drawing/2014/main" id="{4F5801CA-AABA-D242-BB1C-20A3FEA7458C}"/>
                    </a:ext>
                  </a:extLst>
                </p:cNvPr>
                <p:cNvPicPr/>
                <p:nvPr/>
              </p:nvPicPr>
              <p:blipFill>
                <a:blip r:embed="rId93"/>
                <a:stretch>
                  <a:fillRect/>
                </a:stretch>
              </p:blipFill>
              <p:spPr>
                <a:xfrm>
                  <a:off x="4498020" y="2768744"/>
                  <a:ext cx="65520" cy="964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94">
              <p14:nvContentPartPr>
                <p14:cNvPr id="202" name="Ink 201">
                  <a:extLst>
                    <a:ext uri="{FF2B5EF4-FFF2-40B4-BE49-F238E27FC236}">
                      <a16:creationId xmlns:a16="http://schemas.microsoft.com/office/drawing/2014/main" id="{6065A4FD-6159-9241-A5E8-21FCDA34FDF6}"/>
                    </a:ext>
                  </a:extLst>
                </p14:cNvPr>
                <p14:cNvContentPartPr/>
                <p14:nvPr/>
              </p14:nvContentPartPr>
              <p14:xfrm>
                <a:off x="4588380" y="2651384"/>
                <a:ext cx="41400" cy="223560"/>
              </p14:xfrm>
            </p:contentPart>
          </mc:Choice>
          <mc:Fallback>
            <p:pic>
              <p:nvPicPr>
                <p:cNvPr id="202" name="Ink 201">
                  <a:extLst>
                    <a:ext uri="{FF2B5EF4-FFF2-40B4-BE49-F238E27FC236}">
                      <a16:creationId xmlns:a16="http://schemas.microsoft.com/office/drawing/2014/main" id="{6065A4FD-6159-9241-A5E8-21FCDA34FDF6}"/>
                    </a:ext>
                  </a:extLst>
                </p:cNvPr>
                <p:cNvPicPr/>
                <p:nvPr/>
              </p:nvPicPr>
              <p:blipFill>
                <a:blip r:embed="rId95"/>
                <a:stretch>
                  <a:fillRect/>
                </a:stretch>
              </p:blipFill>
              <p:spPr>
                <a:xfrm>
                  <a:off x="4584097" y="2647064"/>
                  <a:ext cx="49966" cy="232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96">
              <p14:nvContentPartPr>
                <p14:cNvPr id="203" name="Ink 202">
                  <a:extLst>
                    <a:ext uri="{FF2B5EF4-FFF2-40B4-BE49-F238E27FC236}">
                      <a16:creationId xmlns:a16="http://schemas.microsoft.com/office/drawing/2014/main" id="{65B65177-7211-C042-BED9-4510AB5D00C9}"/>
                    </a:ext>
                  </a:extLst>
                </p14:cNvPr>
                <p14:cNvContentPartPr/>
                <p14:nvPr/>
              </p14:nvContentPartPr>
              <p14:xfrm>
                <a:off x="4684500" y="2768024"/>
                <a:ext cx="53640" cy="86400"/>
              </p14:xfrm>
            </p:contentPart>
          </mc:Choice>
          <mc:Fallback>
            <p:pic>
              <p:nvPicPr>
                <p:cNvPr id="203" name="Ink 202">
                  <a:extLst>
                    <a:ext uri="{FF2B5EF4-FFF2-40B4-BE49-F238E27FC236}">
                      <a16:creationId xmlns:a16="http://schemas.microsoft.com/office/drawing/2014/main" id="{65B65177-7211-C042-BED9-4510AB5D00C9}"/>
                    </a:ext>
                  </a:extLst>
                </p:cNvPr>
                <p:cNvPicPr/>
                <p:nvPr/>
              </p:nvPicPr>
              <p:blipFill>
                <a:blip r:embed="rId97"/>
                <a:stretch>
                  <a:fillRect/>
                </a:stretch>
              </p:blipFill>
              <p:spPr>
                <a:xfrm>
                  <a:off x="4680151" y="2763686"/>
                  <a:ext cx="62338" cy="95076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91310FA7-D463-8C40-AF10-EB7A4EACE962}"/>
              </a:ext>
            </a:extLst>
          </p:cNvPr>
          <p:cNvGrpSpPr/>
          <p:nvPr/>
        </p:nvGrpSpPr>
        <p:grpSpPr>
          <a:xfrm>
            <a:off x="4653254" y="3386334"/>
            <a:ext cx="971640" cy="618120"/>
            <a:chOff x="5613563" y="4129194"/>
            <a:chExt cx="971640" cy="618120"/>
          </a:xfrm>
        </p:grpSpPr>
        <p:grpSp>
          <p:nvGrpSpPr>
            <p:cNvPr id="215" name="Group 214">
              <a:extLst>
                <a:ext uri="{FF2B5EF4-FFF2-40B4-BE49-F238E27FC236}">
                  <a16:creationId xmlns:a16="http://schemas.microsoft.com/office/drawing/2014/main" id="{E089E508-EB59-3644-BA1A-A1FA357EDCE9}"/>
                </a:ext>
              </a:extLst>
            </p:cNvPr>
            <p:cNvGrpSpPr/>
            <p:nvPr/>
          </p:nvGrpSpPr>
          <p:grpSpPr>
            <a:xfrm>
              <a:off x="5613563" y="4129194"/>
              <a:ext cx="971640" cy="223200"/>
              <a:chOff x="4954003" y="4129194"/>
              <a:chExt cx="971640" cy="22320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98">
                <p14:nvContentPartPr>
                  <p14:cNvPr id="205" name="Ink 204">
                    <a:extLst>
                      <a:ext uri="{FF2B5EF4-FFF2-40B4-BE49-F238E27FC236}">
                        <a16:creationId xmlns:a16="http://schemas.microsoft.com/office/drawing/2014/main" id="{7C6C0BC2-4F0A-7F49-8C28-7CD4BE29EEFF}"/>
                      </a:ext>
                    </a:extLst>
                  </p14:cNvPr>
                  <p14:cNvContentPartPr/>
                  <p14:nvPr/>
                </p14:nvContentPartPr>
                <p14:xfrm>
                  <a:off x="4957243" y="4132434"/>
                  <a:ext cx="140400" cy="200880"/>
                </p14:xfrm>
              </p:contentPart>
            </mc:Choice>
            <mc:Fallback>
              <p:pic>
                <p:nvPicPr>
                  <p:cNvPr id="205" name="Ink 204">
                    <a:extLst>
                      <a:ext uri="{FF2B5EF4-FFF2-40B4-BE49-F238E27FC236}">
                        <a16:creationId xmlns:a16="http://schemas.microsoft.com/office/drawing/2014/main" id="{7C6C0BC2-4F0A-7F49-8C28-7CD4BE29EEFF}"/>
                      </a:ext>
                    </a:extLst>
                  </p:cNvPr>
                  <p:cNvPicPr/>
                  <p:nvPr/>
                </p:nvPicPr>
                <p:blipFill>
                  <a:blip r:embed="rId99"/>
                  <a:stretch>
                    <a:fillRect/>
                  </a:stretch>
                </p:blipFill>
                <p:spPr>
                  <a:xfrm>
                    <a:off x="4952934" y="4128114"/>
                    <a:ext cx="149018" cy="2095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0">
                <p14:nvContentPartPr>
                  <p14:cNvPr id="206" name="Ink 205">
                    <a:extLst>
                      <a:ext uri="{FF2B5EF4-FFF2-40B4-BE49-F238E27FC236}">
                        <a16:creationId xmlns:a16="http://schemas.microsoft.com/office/drawing/2014/main" id="{829FA0A1-4873-9E4E-A452-23CF43B8F317}"/>
                      </a:ext>
                    </a:extLst>
                  </p14:cNvPr>
                  <p14:cNvContentPartPr/>
                  <p14:nvPr/>
                </p14:nvContentPartPr>
                <p14:xfrm>
                  <a:off x="4982803" y="4129194"/>
                  <a:ext cx="135720" cy="10080"/>
                </p14:xfrm>
              </p:contentPart>
            </mc:Choice>
            <mc:Fallback>
              <p:pic>
                <p:nvPicPr>
                  <p:cNvPr id="206" name="Ink 205">
                    <a:extLst>
                      <a:ext uri="{FF2B5EF4-FFF2-40B4-BE49-F238E27FC236}">
                        <a16:creationId xmlns:a16="http://schemas.microsoft.com/office/drawing/2014/main" id="{829FA0A1-4873-9E4E-A452-23CF43B8F317}"/>
                      </a:ext>
                    </a:extLst>
                  </p:cNvPr>
                  <p:cNvPicPr/>
                  <p:nvPr/>
                </p:nvPicPr>
                <p:blipFill>
                  <a:blip r:embed="rId101"/>
                  <a:stretch>
                    <a:fillRect/>
                  </a:stretch>
                </p:blipFill>
                <p:spPr>
                  <a:xfrm>
                    <a:off x="4978483" y="4124874"/>
                    <a:ext cx="144360" cy="187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2">
                <p14:nvContentPartPr>
                  <p14:cNvPr id="207" name="Ink 206">
                    <a:extLst>
                      <a:ext uri="{FF2B5EF4-FFF2-40B4-BE49-F238E27FC236}">
                        <a16:creationId xmlns:a16="http://schemas.microsoft.com/office/drawing/2014/main" id="{B0D6D53E-17BB-7A45-94D0-8D4EBFC49B53}"/>
                      </a:ext>
                    </a:extLst>
                  </p14:cNvPr>
                  <p14:cNvContentPartPr/>
                  <p14:nvPr/>
                </p14:nvContentPartPr>
                <p14:xfrm>
                  <a:off x="4954003" y="4224954"/>
                  <a:ext cx="131040" cy="6840"/>
                </p14:xfrm>
              </p:contentPart>
            </mc:Choice>
            <mc:Fallback>
              <p:pic>
                <p:nvPicPr>
                  <p:cNvPr id="207" name="Ink 206">
                    <a:extLst>
                      <a:ext uri="{FF2B5EF4-FFF2-40B4-BE49-F238E27FC236}">
                        <a16:creationId xmlns:a16="http://schemas.microsoft.com/office/drawing/2014/main" id="{B0D6D53E-17BB-7A45-94D0-8D4EBFC49B53}"/>
                      </a:ext>
                    </a:extLst>
                  </p:cNvPr>
                  <p:cNvPicPr/>
                  <p:nvPr/>
                </p:nvPicPr>
                <p:blipFill>
                  <a:blip r:embed="rId103"/>
                  <a:stretch>
                    <a:fillRect/>
                  </a:stretch>
                </p:blipFill>
                <p:spPr>
                  <a:xfrm>
                    <a:off x="4949671" y="4220634"/>
                    <a:ext cx="139704" cy="154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4">
                <p14:nvContentPartPr>
                  <p14:cNvPr id="208" name="Ink 207">
                    <a:extLst>
                      <a:ext uri="{FF2B5EF4-FFF2-40B4-BE49-F238E27FC236}">
                        <a16:creationId xmlns:a16="http://schemas.microsoft.com/office/drawing/2014/main" id="{DCC5C3FD-E2F7-244E-A220-7FFE2F962FE8}"/>
                      </a:ext>
                    </a:extLst>
                  </p14:cNvPr>
                  <p14:cNvContentPartPr/>
                  <p14:nvPr/>
                </p14:nvContentPartPr>
                <p14:xfrm>
                  <a:off x="5148403" y="4218474"/>
                  <a:ext cx="89640" cy="102240"/>
                </p14:xfrm>
              </p:contentPart>
            </mc:Choice>
            <mc:Fallback>
              <p:pic>
                <p:nvPicPr>
                  <p:cNvPr id="208" name="Ink 207">
                    <a:extLst>
                      <a:ext uri="{FF2B5EF4-FFF2-40B4-BE49-F238E27FC236}">
                        <a16:creationId xmlns:a16="http://schemas.microsoft.com/office/drawing/2014/main" id="{DCC5C3FD-E2F7-244E-A220-7FFE2F962FE8}"/>
                      </a:ext>
                    </a:extLst>
                  </p:cNvPr>
                  <p:cNvPicPr/>
                  <p:nvPr/>
                </p:nvPicPr>
                <p:blipFill>
                  <a:blip r:embed="rId105"/>
                  <a:stretch>
                    <a:fillRect/>
                  </a:stretch>
                </p:blipFill>
                <p:spPr>
                  <a:xfrm>
                    <a:off x="5144083" y="4214154"/>
                    <a:ext cx="98280" cy="1108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6">
                <p14:nvContentPartPr>
                  <p14:cNvPr id="210" name="Ink 209">
                    <a:extLst>
                      <a:ext uri="{FF2B5EF4-FFF2-40B4-BE49-F238E27FC236}">
                        <a16:creationId xmlns:a16="http://schemas.microsoft.com/office/drawing/2014/main" id="{509BEFC3-8E42-F64D-8ECD-C073A7AB915F}"/>
                      </a:ext>
                    </a:extLst>
                  </p14:cNvPr>
                  <p14:cNvContentPartPr/>
                  <p14:nvPr/>
                </p14:nvContentPartPr>
                <p14:xfrm>
                  <a:off x="5281963" y="4224954"/>
                  <a:ext cx="86400" cy="108720"/>
                </p14:xfrm>
              </p:contentPart>
            </mc:Choice>
            <mc:Fallback>
              <p:pic>
                <p:nvPicPr>
                  <p:cNvPr id="210" name="Ink 209">
                    <a:extLst>
                      <a:ext uri="{FF2B5EF4-FFF2-40B4-BE49-F238E27FC236}">
                        <a16:creationId xmlns:a16="http://schemas.microsoft.com/office/drawing/2014/main" id="{509BEFC3-8E42-F64D-8ECD-C073A7AB915F}"/>
                      </a:ext>
                    </a:extLst>
                  </p:cNvPr>
                  <p:cNvPicPr/>
                  <p:nvPr/>
                </p:nvPicPr>
                <p:blipFill>
                  <a:blip r:embed="rId107"/>
                  <a:stretch>
                    <a:fillRect/>
                  </a:stretch>
                </p:blipFill>
                <p:spPr>
                  <a:xfrm>
                    <a:off x="5277643" y="4220634"/>
                    <a:ext cx="95040" cy="11736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08">
                <p14:nvContentPartPr>
                  <p14:cNvPr id="211" name="Ink 210">
                    <a:extLst>
                      <a:ext uri="{FF2B5EF4-FFF2-40B4-BE49-F238E27FC236}">
                        <a16:creationId xmlns:a16="http://schemas.microsoft.com/office/drawing/2014/main" id="{52019CB1-F1B9-654A-8AD7-A09380888841}"/>
                      </a:ext>
                    </a:extLst>
                  </p14:cNvPr>
                  <p14:cNvContentPartPr/>
                  <p14:nvPr/>
                </p14:nvContentPartPr>
                <p14:xfrm>
                  <a:off x="5396443" y="4224954"/>
                  <a:ext cx="88560" cy="114480"/>
                </p14:xfrm>
              </p:contentPart>
            </mc:Choice>
            <mc:Fallback>
              <p:pic>
                <p:nvPicPr>
                  <p:cNvPr id="211" name="Ink 210">
                    <a:extLst>
                      <a:ext uri="{FF2B5EF4-FFF2-40B4-BE49-F238E27FC236}">
                        <a16:creationId xmlns:a16="http://schemas.microsoft.com/office/drawing/2014/main" id="{52019CB1-F1B9-654A-8AD7-A09380888841}"/>
                      </a:ext>
                    </a:extLst>
                  </p:cNvPr>
                  <p:cNvPicPr/>
                  <p:nvPr/>
                </p:nvPicPr>
                <p:blipFill>
                  <a:blip r:embed="rId109"/>
                  <a:stretch>
                    <a:fillRect/>
                  </a:stretch>
                </p:blipFill>
                <p:spPr>
                  <a:xfrm>
                    <a:off x="5392123" y="4220648"/>
                    <a:ext cx="97200" cy="123093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10">
                <p14:nvContentPartPr>
                  <p14:cNvPr id="212" name="Ink 211">
                    <a:extLst>
                      <a:ext uri="{FF2B5EF4-FFF2-40B4-BE49-F238E27FC236}">
                        <a16:creationId xmlns:a16="http://schemas.microsoft.com/office/drawing/2014/main" id="{D2269D7D-FCA3-2544-87A4-E4D6BC269D35}"/>
                      </a:ext>
                    </a:extLst>
                  </p14:cNvPr>
                  <p14:cNvContentPartPr/>
                  <p14:nvPr/>
                </p14:nvContentPartPr>
                <p14:xfrm>
                  <a:off x="5517403" y="4155114"/>
                  <a:ext cx="131040" cy="197280"/>
                </p14:xfrm>
              </p:contentPart>
            </mc:Choice>
            <mc:Fallback>
              <p:pic>
                <p:nvPicPr>
                  <p:cNvPr id="212" name="Ink 211">
                    <a:extLst>
                      <a:ext uri="{FF2B5EF4-FFF2-40B4-BE49-F238E27FC236}">
                        <a16:creationId xmlns:a16="http://schemas.microsoft.com/office/drawing/2014/main" id="{D2269D7D-FCA3-2544-87A4-E4D6BC269D35}"/>
                      </a:ext>
                    </a:extLst>
                  </p:cNvPr>
                  <p:cNvPicPr/>
                  <p:nvPr/>
                </p:nvPicPr>
                <p:blipFill>
                  <a:blip r:embed="rId111"/>
                  <a:stretch>
                    <a:fillRect/>
                  </a:stretch>
                </p:blipFill>
                <p:spPr>
                  <a:xfrm>
                    <a:off x="5513083" y="4150794"/>
                    <a:ext cx="139680" cy="2059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12">
                <p14:nvContentPartPr>
                  <p14:cNvPr id="213" name="Ink 212">
                    <a:extLst>
                      <a:ext uri="{FF2B5EF4-FFF2-40B4-BE49-F238E27FC236}">
                        <a16:creationId xmlns:a16="http://schemas.microsoft.com/office/drawing/2014/main" id="{13CBD39C-A9A3-984E-B6C4-0B3A45ED79DB}"/>
                      </a:ext>
                    </a:extLst>
                  </p14:cNvPr>
                  <p14:cNvContentPartPr/>
                  <p14:nvPr/>
                </p14:nvContentPartPr>
                <p14:xfrm>
                  <a:off x="5673643" y="4228194"/>
                  <a:ext cx="70560" cy="95400"/>
                </p14:xfrm>
              </p:contentPart>
            </mc:Choice>
            <mc:Fallback>
              <p:pic>
                <p:nvPicPr>
                  <p:cNvPr id="213" name="Ink 212">
                    <a:extLst>
                      <a:ext uri="{FF2B5EF4-FFF2-40B4-BE49-F238E27FC236}">
                        <a16:creationId xmlns:a16="http://schemas.microsoft.com/office/drawing/2014/main" id="{13CBD39C-A9A3-984E-B6C4-0B3A45ED79DB}"/>
                      </a:ext>
                    </a:extLst>
                  </p:cNvPr>
                  <p:cNvPicPr/>
                  <p:nvPr/>
                </p:nvPicPr>
                <p:blipFill>
                  <a:blip r:embed="rId113"/>
                  <a:stretch>
                    <a:fillRect/>
                  </a:stretch>
                </p:blipFill>
                <p:spPr>
                  <a:xfrm>
                    <a:off x="5669323" y="4223890"/>
                    <a:ext cx="79200" cy="104008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14">
                <p14:nvContentPartPr>
                  <p14:cNvPr id="214" name="Ink 213">
                    <a:extLst>
                      <a:ext uri="{FF2B5EF4-FFF2-40B4-BE49-F238E27FC236}">
                        <a16:creationId xmlns:a16="http://schemas.microsoft.com/office/drawing/2014/main" id="{166D4D7D-2AF9-1C4F-A15A-604698756B87}"/>
                      </a:ext>
                    </a:extLst>
                  </p14:cNvPr>
                  <p14:cNvContentPartPr/>
                  <p14:nvPr/>
                </p14:nvContentPartPr>
                <p14:xfrm>
                  <a:off x="5778763" y="4145394"/>
                  <a:ext cx="146880" cy="197640"/>
                </p14:xfrm>
              </p:contentPart>
            </mc:Choice>
            <mc:Fallback>
              <p:pic>
                <p:nvPicPr>
                  <p:cNvPr id="214" name="Ink 213">
                    <a:extLst>
                      <a:ext uri="{FF2B5EF4-FFF2-40B4-BE49-F238E27FC236}">
                        <a16:creationId xmlns:a16="http://schemas.microsoft.com/office/drawing/2014/main" id="{166D4D7D-2AF9-1C4F-A15A-604698756B87}"/>
                      </a:ext>
                    </a:extLst>
                  </p:cNvPr>
                  <p:cNvPicPr/>
                  <p:nvPr/>
                </p:nvPicPr>
                <p:blipFill>
                  <a:blip r:embed="rId115"/>
                  <a:stretch>
                    <a:fillRect/>
                  </a:stretch>
                </p:blipFill>
                <p:spPr>
                  <a:xfrm>
                    <a:off x="5774443" y="4141082"/>
                    <a:ext cx="155520" cy="206264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222" name="Group 221">
              <a:extLst>
                <a:ext uri="{FF2B5EF4-FFF2-40B4-BE49-F238E27FC236}">
                  <a16:creationId xmlns:a16="http://schemas.microsoft.com/office/drawing/2014/main" id="{42C72B11-F798-4E42-B4BA-12FEF1F489D6}"/>
                </a:ext>
              </a:extLst>
            </p:cNvPr>
            <p:cNvGrpSpPr/>
            <p:nvPr/>
          </p:nvGrpSpPr>
          <p:grpSpPr>
            <a:xfrm>
              <a:off x="5639123" y="4503594"/>
              <a:ext cx="671760" cy="243720"/>
              <a:chOff x="4979563" y="4503594"/>
              <a:chExt cx="671760" cy="243720"/>
            </a:xfrm>
          </p:grpSpPr>
          <mc:AlternateContent xmlns:mc="http://schemas.openxmlformats.org/markup-compatibility/2006">
            <mc:Choice xmlns:p14="http://schemas.microsoft.com/office/powerpoint/2010/main" Requires="p14">
              <p:contentPart p14:bwMode="auto" r:id="rId116">
                <p14:nvContentPartPr>
                  <p14:cNvPr id="216" name="Ink 215">
                    <a:extLst>
                      <a:ext uri="{FF2B5EF4-FFF2-40B4-BE49-F238E27FC236}">
                        <a16:creationId xmlns:a16="http://schemas.microsoft.com/office/drawing/2014/main" id="{AF2B339B-83CF-F840-8B91-D1ACA3F63FAD}"/>
                      </a:ext>
                    </a:extLst>
                  </p14:cNvPr>
                  <p14:cNvContentPartPr/>
                  <p14:nvPr/>
                </p14:nvContentPartPr>
                <p14:xfrm>
                  <a:off x="4979563" y="4503594"/>
                  <a:ext cx="133920" cy="223200"/>
                </p14:xfrm>
              </p:contentPart>
            </mc:Choice>
            <mc:Fallback>
              <p:pic>
                <p:nvPicPr>
                  <p:cNvPr id="216" name="Ink 215">
                    <a:extLst>
                      <a:ext uri="{FF2B5EF4-FFF2-40B4-BE49-F238E27FC236}">
                        <a16:creationId xmlns:a16="http://schemas.microsoft.com/office/drawing/2014/main" id="{AF2B339B-83CF-F840-8B91-D1ACA3F63FAD}"/>
                      </a:ext>
                    </a:extLst>
                  </p:cNvPr>
                  <p:cNvPicPr/>
                  <p:nvPr/>
                </p:nvPicPr>
                <p:blipFill>
                  <a:blip r:embed="rId117"/>
                  <a:stretch>
                    <a:fillRect/>
                  </a:stretch>
                </p:blipFill>
                <p:spPr>
                  <a:xfrm>
                    <a:off x="4975255" y="4499274"/>
                    <a:ext cx="142537" cy="2318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18">
                <p14:nvContentPartPr>
                  <p14:cNvPr id="217" name="Ink 216">
                    <a:extLst>
                      <a:ext uri="{FF2B5EF4-FFF2-40B4-BE49-F238E27FC236}">
                        <a16:creationId xmlns:a16="http://schemas.microsoft.com/office/drawing/2014/main" id="{EFD830AA-6B64-9348-A68F-8705D256E169}"/>
                      </a:ext>
                    </a:extLst>
                  </p14:cNvPr>
                  <p14:cNvContentPartPr/>
                  <p14:nvPr/>
                </p14:nvContentPartPr>
                <p14:xfrm>
                  <a:off x="5186563" y="4629234"/>
                  <a:ext cx="10080" cy="97560"/>
                </p14:xfrm>
              </p:contentPart>
            </mc:Choice>
            <mc:Fallback>
              <p:pic>
                <p:nvPicPr>
                  <p:cNvPr id="217" name="Ink 216">
                    <a:extLst>
                      <a:ext uri="{FF2B5EF4-FFF2-40B4-BE49-F238E27FC236}">
                        <a16:creationId xmlns:a16="http://schemas.microsoft.com/office/drawing/2014/main" id="{EFD830AA-6B64-9348-A68F-8705D256E169}"/>
                      </a:ext>
                    </a:extLst>
                  </p:cNvPr>
                  <p:cNvPicPr/>
                  <p:nvPr/>
                </p:nvPicPr>
                <p:blipFill>
                  <a:blip r:embed="rId119"/>
                  <a:stretch>
                    <a:fillRect/>
                  </a:stretch>
                </p:blipFill>
                <p:spPr>
                  <a:xfrm>
                    <a:off x="5182243" y="4624914"/>
                    <a:ext cx="18720" cy="1062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20">
                <p14:nvContentPartPr>
                  <p14:cNvPr id="218" name="Ink 217">
                    <a:extLst>
                      <a:ext uri="{FF2B5EF4-FFF2-40B4-BE49-F238E27FC236}">
                        <a16:creationId xmlns:a16="http://schemas.microsoft.com/office/drawing/2014/main" id="{90BC1060-5BBD-BB41-A079-AB5E288AAA71}"/>
                      </a:ext>
                    </a:extLst>
                  </p14:cNvPr>
                  <p14:cNvContentPartPr/>
                  <p14:nvPr/>
                </p14:nvContentPartPr>
                <p14:xfrm>
                  <a:off x="5151283" y="4565514"/>
                  <a:ext cx="51480" cy="10080"/>
                </p14:xfrm>
              </p:contentPart>
            </mc:Choice>
            <mc:Fallback>
              <p:pic>
                <p:nvPicPr>
                  <p:cNvPr id="218" name="Ink 217">
                    <a:extLst>
                      <a:ext uri="{FF2B5EF4-FFF2-40B4-BE49-F238E27FC236}">
                        <a16:creationId xmlns:a16="http://schemas.microsoft.com/office/drawing/2014/main" id="{90BC1060-5BBD-BB41-A079-AB5E288AAA71}"/>
                      </a:ext>
                    </a:extLst>
                  </p:cNvPr>
                  <p:cNvPicPr/>
                  <p:nvPr/>
                </p:nvPicPr>
                <p:blipFill>
                  <a:blip r:embed="rId121"/>
                  <a:stretch>
                    <a:fillRect/>
                  </a:stretch>
                </p:blipFill>
                <p:spPr>
                  <a:xfrm>
                    <a:off x="5146933" y="4561034"/>
                    <a:ext cx="60181" cy="190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22">
                <p14:nvContentPartPr>
                  <p14:cNvPr id="219" name="Ink 218">
                    <a:extLst>
                      <a:ext uri="{FF2B5EF4-FFF2-40B4-BE49-F238E27FC236}">
                        <a16:creationId xmlns:a16="http://schemas.microsoft.com/office/drawing/2014/main" id="{505443A8-7BC7-F240-A2B7-957EE16D6700}"/>
                      </a:ext>
                    </a:extLst>
                  </p14:cNvPr>
                  <p14:cNvContentPartPr/>
                  <p14:nvPr/>
                </p14:nvContentPartPr>
                <p14:xfrm>
                  <a:off x="5266123" y="4529154"/>
                  <a:ext cx="133920" cy="218160"/>
                </p14:xfrm>
              </p:contentPart>
            </mc:Choice>
            <mc:Fallback>
              <p:pic>
                <p:nvPicPr>
                  <p:cNvPr id="219" name="Ink 218">
                    <a:extLst>
                      <a:ext uri="{FF2B5EF4-FFF2-40B4-BE49-F238E27FC236}">
                        <a16:creationId xmlns:a16="http://schemas.microsoft.com/office/drawing/2014/main" id="{505443A8-7BC7-F240-A2B7-957EE16D6700}"/>
                      </a:ext>
                    </a:extLst>
                  </p:cNvPr>
                  <p:cNvPicPr/>
                  <p:nvPr/>
                </p:nvPicPr>
                <p:blipFill>
                  <a:blip r:embed="rId123"/>
                  <a:stretch>
                    <a:fillRect/>
                  </a:stretch>
                </p:blipFill>
                <p:spPr>
                  <a:xfrm>
                    <a:off x="5261815" y="4524841"/>
                    <a:ext cx="142537" cy="226786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24">
                <p14:nvContentPartPr>
                  <p14:cNvPr id="220" name="Ink 219">
                    <a:extLst>
                      <a:ext uri="{FF2B5EF4-FFF2-40B4-BE49-F238E27FC236}">
                        <a16:creationId xmlns:a16="http://schemas.microsoft.com/office/drawing/2014/main" id="{AF02DF83-5779-F54F-B3D6-7DB3385F7D48}"/>
                      </a:ext>
                    </a:extLst>
                  </p14:cNvPr>
                  <p14:cNvContentPartPr/>
                  <p14:nvPr/>
                </p14:nvContentPartPr>
                <p14:xfrm>
                  <a:off x="5437843" y="4616994"/>
                  <a:ext cx="73440" cy="95400"/>
                </p14:xfrm>
              </p:contentPart>
            </mc:Choice>
            <mc:Fallback>
              <p:pic>
                <p:nvPicPr>
                  <p:cNvPr id="220" name="Ink 219">
                    <a:extLst>
                      <a:ext uri="{FF2B5EF4-FFF2-40B4-BE49-F238E27FC236}">
                        <a16:creationId xmlns:a16="http://schemas.microsoft.com/office/drawing/2014/main" id="{AF02DF83-5779-F54F-B3D6-7DB3385F7D48}"/>
                      </a:ext>
                    </a:extLst>
                  </p:cNvPr>
                  <p:cNvPicPr/>
                  <p:nvPr/>
                </p:nvPicPr>
                <p:blipFill>
                  <a:blip r:embed="rId125"/>
                  <a:stretch>
                    <a:fillRect/>
                  </a:stretch>
                </p:blipFill>
                <p:spPr>
                  <a:xfrm>
                    <a:off x="5433523" y="4612674"/>
                    <a:ext cx="82080" cy="1040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>
            <mc:Choice xmlns:p14="http://schemas.microsoft.com/office/powerpoint/2010/main" Requires="p14">
              <p:contentPart p14:bwMode="auto" r:id="rId126">
                <p14:nvContentPartPr>
                  <p14:cNvPr id="221" name="Ink 220">
                    <a:extLst>
                      <a:ext uri="{FF2B5EF4-FFF2-40B4-BE49-F238E27FC236}">
                        <a16:creationId xmlns:a16="http://schemas.microsoft.com/office/drawing/2014/main" id="{108F847D-8D0D-6349-B28D-615AA6E6B1AD}"/>
                      </a:ext>
                    </a:extLst>
                  </p14:cNvPr>
                  <p14:cNvContentPartPr/>
                  <p14:nvPr/>
                </p14:nvContentPartPr>
                <p14:xfrm>
                  <a:off x="5559163" y="4610154"/>
                  <a:ext cx="92160" cy="114480"/>
                </p14:xfrm>
              </p:contentPart>
            </mc:Choice>
            <mc:Fallback>
              <p:pic>
                <p:nvPicPr>
                  <p:cNvPr id="221" name="Ink 220">
                    <a:extLst>
                      <a:ext uri="{FF2B5EF4-FFF2-40B4-BE49-F238E27FC236}">
                        <a16:creationId xmlns:a16="http://schemas.microsoft.com/office/drawing/2014/main" id="{108F847D-8D0D-6349-B28D-615AA6E6B1AD}"/>
                      </a:ext>
                    </a:extLst>
                  </p:cNvPr>
                  <p:cNvPicPr/>
                  <p:nvPr/>
                </p:nvPicPr>
                <p:blipFill>
                  <a:blip r:embed="rId127"/>
                  <a:stretch>
                    <a:fillRect/>
                  </a:stretch>
                </p:blipFill>
                <p:spPr>
                  <a:xfrm>
                    <a:off x="5554826" y="4605848"/>
                    <a:ext cx="100834" cy="123093"/>
                  </a:xfrm>
                  <a:prstGeom prst="rect">
                    <a:avLst/>
                  </a:prstGeom>
                </p:spPr>
              </p:pic>
            </mc:Fallback>
          </mc:AlternateContent>
        </p:grpSp>
      </p:grpSp>
      <p:grpSp>
        <p:nvGrpSpPr>
          <p:cNvPr id="225" name="Group 224">
            <a:extLst>
              <a:ext uri="{FF2B5EF4-FFF2-40B4-BE49-F238E27FC236}">
                <a16:creationId xmlns:a16="http://schemas.microsoft.com/office/drawing/2014/main" id="{C6F6829F-4182-244D-8FFD-AC260B860E4C}"/>
              </a:ext>
            </a:extLst>
          </p:cNvPr>
          <p:cNvGrpSpPr/>
          <p:nvPr/>
        </p:nvGrpSpPr>
        <p:grpSpPr>
          <a:xfrm>
            <a:off x="1810443" y="1560897"/>
            <a:ext cx="828360" cy="294480"/>
            <a:chOff x="1150883" y="1750077"/>
            <a:chExt cx="828360" cy="2944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28">
              <p14:nvContentPartPr>
                <p14:cNvPr id="183" name="Ink 182">
                  <a:extLst>
                    <a:ext uri="{FF2B5EF4-FFF2-40B4-BE49-F238E27FC236}">
                      <a16:creationId xmlns:a16="http://schemas.microsoft.com/office/drawing/2014/main" id="{97060AD7-28E3-9549-AE57-4EDB44CFCFA0}"/>
                    </a:ext>
                  </a:extLst>
                </p14:cNvPr>
                <p14:cNvContentPartPr/>
                <p14:nvPr/>
              </p14:nvContentPartPr>
              <p14:xfrm>
                <a:off x="1150883" y="1750077"/>
                <a:ext cx="218160" cy="294480"/>
              </p14:xfrm>
            </p:contentPart>
          </mc:Choice>
          <mc:Fallback>
            <p:pic>
              <p:nvPicPr>
                <p:cNvPr id="183" name="Ink 182">
                  <a:extLst>
                    <a:ext uri="{FF2B5EF4-FFF2-40B4-BE49-F238E27FC236}">
                      <a16:creationId xmlns:a16="http://schemas.microsoft.com/office/drawing/2014/main" id="{97060AD7-28E3-9549-AE57-4EDB44CFCFA0}"/>
                    </a:ext>
                  </a:extLst>
                </p:cNvPr>
                <p:cNvPicPr/>
                <p:nvPr/>
              </p:nvPicPr>
              <p:blipFill>
                <a:blip r:embed="rId129"/>
                <a:stretch>
                  <a:fillRect/>
                </a:stretch>
              </p:blipFill>
              <p:spPr>
                <a:xfrm>
                  <a:off x="1146570" y="1745757"/>
                  <a:ext cx="226786" cy="3031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30">
              <p14:nvContentPartPr>
                <p14:cNvPr id="184" name="Ink 183">
                  <a:extLst>
                    <a:ext uri="{FF2B5EF4-FFF2-40B4-BE49-F238E27FC236}">
                      <a16:creationId xmlns:a16="http://schemas.microsoft.com/office/drawing/2014/main" id="{1F44663B-58E4-5C4B-AFC8-3EA31FAEFC07}"/>
                    </a:ext>
                  </a:extLst>
                </p14:cNvPr>
                <p14:cNvContentPartPr/>
                <p14:nvPr/>
              </p14:nvContentPartPr>
              <p14:xfrm>
                <a:off x="1417643" y="1755477"/>
                <a:ext cx="42120" cy="250920"/>
              </p14:xfrm>
            </p:contentPart>
          </mc:Choice>
          <mc:Fallback>
            <p:pic>
              <p:nvPicPr>
                <p:cNvPr id="184" name="Ink 183">
                  <a:extLst>
                    <a:ext uri="{FF2B5EF4-FFF2-40B4-BE49-F238E27FC236}">
                      <a16:creationId xmlns:a16="http://schemas.microsoft.com/office/drawing/2014/main" id="{1F44663B-58E4-5C4B-AFC8-3EA31FAEFC07}"/>
                    </a:ext>
                  </a:extLst>
                </p:cNvPr>
                <p:cNvPicPr/>
                <p:nvPr/>
              </p:nvPicPr>
              <p:blipFill>
                <a:blip r:embed="rId131"/>
                <a:stretch>
                  <a:fillRect/>
                </a:stretch>
              </p:blipFill>
              <p:spPr>
                <a:xfrm>
                  <a:off x="1413323" y="1751157"/>
                  <a:ext cx="50760" cy="2595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32">
              <p14:nvContentPartPr>
                <p14:cNvPr id="185" name="Ink 184">
                  <a:extLst>
                    <a:ext uri="{FF2B5EF4-FFF2-40B4-BE49-F238E27FC236}">
                      <a16:creationId xmlns:a16="http://schemas.microsoft.com/office/drawing/2014/main" id="{1162022E-6CEF-7A4A-B794-2F1AD90ECB59}"/>
                    </a:ext>
                  </a:extLst>
                </p14:cNvPr>
                <p14:cNvContentPartPr/>
                <p14:nvPr/>
              </p14:nvContentPartPr>
              <p14:xfrm>
                <a:off x="1537523" y="1915317"/>
                <a:ext cx="11160" cy="92880"/>
              </p14:xfrm>
            </p:contentPart>
          </mc:Choice>
          <mc:Fallback>
            <p:pic>
              <p:nvPicPr>
                <p:cNvPr id="185" name="Ink 184">
                  <a:extLst>
                    <a:ext uri="{FF2B5EF4-FFF2-40B4-BE49-F238E27FC236}">
                      <a16:creationId xmlns:a16="http://schemas.microsoft.com/office/drawing/2014/main" id="{1162022E-6CEF-7A4A-B794-2F1AD90ECB59}"/>
                    </a:ext>
                  </a:extLst>
                </p:cNvPr>
                <p:cNvPicPr/>
                <p:nvPr/>
              </p:nvPicPr>
              <p:blipFill>
                <a:blip r:embed="rId133"/>
                <a:stretch>
                  <a:fillRect/>
                </a:stretch>
              </p:blipFill>
              <p:spPr>
                <a:xfrm>
                  <a:off x="1533203" y="1910997"/>
                  <a:ext cx="19800" cy="101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34">
              <p14:nvContentPartPr>
                <p14:cNvPr id="186" name="Ink 185">
                  <a:extLst>
                    <a:ext uri="{FF2B5EF4-FFF2-40B4-BE49-F238E27FC236}">
                      <a16:creationId xmlns:a16="http://schemas.microsoft.com/office/drawing/2014/main" id="{EFED694C-8CC8-AC49-8AE9-B825A345B439}"/>
                    </a:ext>
                  </a:extLst>
                </p14:cNvPr>
                <p14:cNvContentPartPr/>
                <p14:nvPr/>
              </p14:nvContentPartPr>
              <p14:xfrm>
                <a:off x="1501163" y="1828197"/>
                <a:ext cx="61920" cy="18360"/>
              </p14:xfrm>
            </p:contentPart>
          </mc:Choice>
          <mc:Fallback>
            <p:pic>
              <p:nvPicPr>
                <p:cNvPr id="186" name="Ink 185">
                  <a:extLst>
                    <a:ext uri="{FF2B5EF4-FFF2-40B4-BE49-F238E27FC236}">
                      <a16:creationId xmlns:a16="http://schemas.microsoft.com/office/drawing/2014/main" id="{EFED694C-8CC8-AC49-8AE9-B825A345B439}"/>
                    </a:ext>
                  </a:extLst>
                </p:cNvPr>
                <p:cNvPicPr/>
                <p:nvPr/>
              </p:nvPicPr>
              <p:blipFill>
                <a:blip r:embed="rId135"/>
                <a:stretch>
                  <a:fillRect/>
                </a:stretch>
              </p:blipFill>
              <p:spPr>
                <a:xfrm>
                  <a:off x="1496843" y="1823960"/>
                  <a:ext cx="70560" cy="26834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36">
              <p14:nvContentPartPr>
                <p14:cNvPr id="188" name="Ink 187">
                  <a:extLst>
                    <a:ext uri="{FF2B5EF4-FFF2-40B4-BE49-F238E27FC236}">
                      <a16:creationId xmlns:a16="http://schemas.microsoft.com/office/drawing/2014/main" id="{4FF5375A-E457-8344-9EE7-8963F36E6204}"/>
                    </a:ext>
                  </a:extLst>
                </p14:cNvPr>
                <p14:cNvContentPartPr/>
                <p14:nvPr/>
              </p14:nvContentPartPr>
              <p14:xfrm>
                <a:off x="1610243" y="1900557"/>
                <a:ext cx="96480" cy="113040"/>
              </p14:xfrm>
            </p:contentPart>
          </mc:Choice>
          <mc:Fallback>
            <p:pic>
              <p:nvPicPr>
                <p:cNvPr id="188" name="Ink 187">
                  <a:extLst>
                    <a:ext uri="{FF2B5EF4-FFF2-40B4-BE49-F238E27FC236}">
                      <a16:creationId xmlns:a16="http://schemas.microsoft.com/office/drawing/2014/main" id="{4FF5375A-E457-8344-9EE7-8963F36E6204}"/>
                    </a:ext>
                  </a:extLst>
                </p:cNvPr>
                <p:cNvPicPr/>
                <p:nvPr/>
              </p:nvPicPr>
              <p:blipFill>
                <a:blip r:embed="rId137"/>
                <a:stretch>
                  <a:fillRect/>
                </a:stretch>
              </p:blipFill>
              <p:spPr>
                <a:xfrm>
                  <a:off x="1605939" y="1896237"/>
                  <a:ext cx="105088" cy="1216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38">
              <p14:nvContentPartPr>
                <p14:cNvPr id="189" name="Ink 188">
                  <a:extLst>
                    <a:ext uri="{FF2B5EF4-FFF2-40B4-BE49-F238E27FC236}">
                      <a16:creationId xmlns:a16="http://schemas.microsoft.com/office/drawing/2014/main" id="{AD440B54-4EC0-414E-BE06-B226324301CC}"/>
                    </a:ext>
                  </a:extLst>
                </p14:cNvPr>
                <p14:cNvContentPartPr/>
                <p14:nvPr/>
              </p14:nvContentPartPr>
              <p14:xfrm>
                <a:off x="1746323" y="1905957"/>
                <a:ext cx="78480" cy="114840"/>
              </p14:xfrm>
            </p:contentPart>
          </mc:Choice>
          <mc:Fallback>
            <p:pic>
              <p:nvPicPr>
                <p:cNvPr id="189" name="Ink 188">
                  <a:extLst>
                    <a:ext uri="{FF2B5EF4-FFF2-40B4-BE49-F238E27FC236}">
                      <a16:creationId xmlns:a16="http://schemas.microsoft.com/office/drawing/2014/main" id="{AD440B54-4EC0-414E-BE06-B226324301CC}"/>
                    </a:ext>
                  </a:extLst>
                </p:cNvPr>
                <p:cNvPicPr/>
                <p:nvPr/>
              </p:nvPicPr>
              <p:blipFill>
                <a:blip r:embed="rId139"/>
                <a:stretch>
                  <a:fillRect/>
                </a:stretch>
              </p:blipFill>
              <p:spPr>
                <a:xfrm>
                  <a:off x="1741983" y="1901637"/>
                  <a:ext cx="87160" cy="1234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40">
              <p14:nvContentPartPr>
                <p14:cNvPr id="190" name="Ink 189">
                  <a:extLst>
                    <a:ext uri="{FF2B5EF4-FFF2-40B4-BE49-F238E27FC236}">
                      <a16:creationId xmlns:a16="http://schemas.microsoft.com/office/drawing/2014/main" id="{9EA3F839-032C-0647-86E7-30757AD046D9}"/>
                    </a:ext>
                  </a:extLst>
                </p14:cNvPr>
                <p14:cNvContentPartPr/>
                <p14:nvPr/>
              </p14:nvContentPartPr>
              <p14:xfrm>
                <a:off x="1897163" y="1837197"/>
                <a:ext cx="82080" cy="174600"/>
              </p14:xfrm>
            </p:contentPart>
          </mc:Choice>
          <mc:Fallback>
            <p:pic>
              <p:nvPicPr>
                <p:cNvPr id="190" name="Ink 189">
                  <a:extLst>
                    <a:ext uri="{FF2B5EF4-FFF2-40B4-BE49-F238E27FC236}">
                      <a16:creationId xmlns:a16="http://schemas.microsoft.com/office/drawing/2014/main" id="{9EA3F839-032C-0647-86E7-30757AD046D9}"/>
                    </a:ext>
                  </a:extLst>
                </p:cNvPr>
                <p:cNvPicPr/>
                <p:nvPr/>
              </p:nvPicPr>
              <p:blipFill>
                <a:blip r:embed="rId141"/>
                <a:stretch>
                  <a:fillRect/>
                </a:stretch>
              </p:blipFill>
              <p:spPr>
                <a:xfrm>
                  <a:off x="1892843" y="1832877"/>
                  <a:ext cx="90720" cy="1832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42">
              <p14:nvContentPartPr>
                <p14:cNvPr id="191" name="Ink 190">
                  <a:extLst>
                    <a:ext uri="{FF2B5EF4-FFF2-40B4-BE49-F238E27FC236}">
                      <a16:creationId xmlns:a16="http://schemas.microsoft.com/office/drawing/2014/main" id="{15DC8B1D-A859-A643-9EF5-88BAF661359A}"/>
                    </a:ext>
                  </a:extLst>
                </p14:cNvPr>
                <p14:cNvContentPartPr/>
                <p14:nvPr/>
              </p14:nvContentPartPr>
              <p14:xfrm>
                <a:off x="1848203" y="1918917"/>
                <a:ext cx="112680" cy="9360"/>
              </p14:xfrm>
            </p:contentPart>
          </mc:Choice>
          <mc:Fallback>
            <p:pic>
              <p:nvPicPr>
                <p:cNvPr id="191" name="Ink 190">
                  <a:extLst>
                    <a:ext uri="{FF2B5EF4-FFF2-40B4-BE49-F238E27FC236}">
                      <a16:creationId xmlns:a16="http://schemas.microsoft.com/office/drawing/2014/main" id="{15DC8B1D-A859-A643-9EF5-88BAF661359A}"/>
                    </a:ext>
                  </a:extLst>
                </p:cNvPr>
                <p:cNvPicPr/>
                <p:nvPr/>
              </p:nvPicPr>
              <p:blipFill>
                <a:blip r:embed="rId143"/>
                <a:stretch>
                  <a:fillRect/>
                </a:stretch>
              </p:blipFill>
              <p:spPr>
                <a:xfrm>
                  <a:off x="1843883" y="1914597"/>
                  <a:ext cx="121320" cy="1800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xmlns:aink="http://schemas.microsoft.com/office/drawing/2016/ink" Requires="p14 aink">
          <p:contentPart p14:bwMode="auto" r:id="rId144">
            <p14:nvContentPartPr>
              <p14:cNvPr id="228" name="Ink 227">
                <a:extLst>
                  <a:ext uri="{FF2B5EF4-FFF2-40B4-BE49-F238E27FC236}">
                    <a16:creationId xmlns:a16="http://schemas.microsoft.com/office/drawing/2014/main" id="{A829A603-371B-964F-872B-1726DEC3A35B}"/>
                  </a:ext>
                </a:extLst>
              </p14:cNvPr>
              <p14:cNvContentPartPr/>
              <p14:nvPr/>
            </p14:nvContentPartPr>
            <p14:xfrm>
              <a:off x="1318106" y="1816399"/>
              <a:ext cx="2481480" cy="3601080"/>
            </p14:xfrm>
          </p:contentPart>
        </mc:Choice>
        <mc:Fallback>
          <p:pic>
            <p:nvPicPr>
              <p:cNvPr id="228" name="Ink 227">
                <a:extLst>
                  <a:ext uri="{FF2B5EF4-FFF2-40B4-BE49-F238E27FC236}">
                    <a16:creationId xmlns:a16="http://schemas.microsoft.com/office/drawing/2014/main" id="{A829A603-371B-964F-872B-1726DEC3A35B}"/>
                  </a:ext>
                </a:extLst>
              </p:cNvPr>
              <p:cNvPicPr/>
              <p:nvPr/>
            </p:nvPicPr>
            <p:blipFill>
              <a:blip r:embed="rId145"/>
              <a:stretch>
                <a:fillRect/>
              </a:stretch>
            </p:blipFill>
            <p:spPr>
              <a:xfrm>
                <a:off x="1225946" y="1726030"/>
                <a:ext cx="2665440" cy="378109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xmlns:aink="http://schemas.microsoft.com/office/drawing/2016/ink" Requires="p14 aink">
          <p:contentPart p14:bwMode="auto" r:id="rId146">
            <p14:nvContentPartPr>
              <p14:cNvPr id="229" name="Ink 228">
                <a:extLst>
                  <a:ext uri="{FF2B5EF4-FFF2-40B4-BE49-F238E27FC236}">
                    <a16:creationId xmlns:a16="http://schemas.microsoft.com/office/drawing/2014/main" id="{1C5F80A8-4718-4448-BDAD-28C660B89CFA}"/>
                  </a:ext>
                </a:extLst>
              </p14:cNvPr>
              <p14:cNvContentPartPr/>
              <p14:nvPr/>
            </p14:nvContentPartPr>
            <p14:xfrm>
              <a:off x="1671986" y="1841959"/>
              <a:ext cx="2362680" cy="454680"/>
            </p14:xfrm>
          </p:contentPart>
        </mc:Choice>
        <mc:Fallback>
          <p:pic>
            <p:nvPicPr>
              <p:cNvPr id="229" name="Ink 228">
                <a:extLst>
                  <a:ext uri="{FF2B5EF4-FFF2-40B4-BE49-F238E27FC236}">
                    <a16:creationId xmlns:a16="http://schemas.microsoft.com/office/drawing/2014/main" id="{1C5F80A8-4718-4448-BDAD-28C660B89CFA}"/>
                  </a:ext>
                </a:extLst>
              </p:cNvPr>
              <p:cNvPicPr/>
              <p:nvPr/>
            </p:nvPicPr>
            <p:blipFill>
              <a:blip r:embed="rId147"/>
              <a:stretch>
                <a:fillRect/>
              </a:stretch>
            </p:blipFill>
            <p:spPr>
              <a:xfrm>
                <a:off x="1585933" y="1748719"/>
                <a:ext cx="2534426" cy="640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xmlns:aink="http://schemas.microsoft.com/office/drawing/2016/ink" Requires="p14 aink">
          <p:contentPart p14:bwMode="auto" r:id="rId148">
            <p14:nvContentPartPr>
              <p14:cNvPr id="230" name="Ink 229">
                <a:extLst>
                  <a:ext uri="{FF2B5EF4-FFF2-40B4-BE49-F238E27FC236}">
                    <a16:creationId xmlns:a16="http://schemas.microsoft.com/office/drawing/2014/main" id="{7DFA32F5-5702-B44D-953C-D3AE0B9C610A}"/>
                  </a:ext>
                </a:extLst>
              </p14:cNvPr>
              <p14:cNvContentPartPr/>
              <p14:nvPr/>
            </p14:nvContentPartPr>
            <p14:xfrm>
              <a:off x="3564506" y="3640879"/>
              <a:ext cx="337320" cy="1535400"/>
            </p14:xfrm>
          </p:contentPart>
        </mc:Choice>
        <mc:Fallback>
          <p:pic>
            <p:nvPicPr>
              <p:cNvPr id="230" name="Ink 229">
                <a:extLst>
                  <a:ext uri="{FF2B5EF4-FFF2-40B4-BE49-F238E27FC236}">
                    <a16:creationId xmlns:a16="http://schemas.microsoft.com/office/drawing/2014/main" id="{7DFA32F5-5702-B44D-953C-D3AE0B9C610A}"/>
                  </a:ext>
                </a:extLst>
              </p:cNvPr>
              <p:cNvPicPr/>
              <p:nvPr/>
            </p:nvPicPr>
            <p:blipFill>
              <a:blip r:embed="rId149"/>
              <a:stretch>
                <a:fillRect/>
              </a:stretch>
            </p:blipFill>
            <p:spPr>
              <a:xfrm>
                <a:off x="3555506" y="3631879"/>
                <a:ext cx="354960" cy="1553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50">
            <p14:nvContentPartPr>
              <p14:cNvPr id="260" name="Ink 259">
                <a:extLst>
                  <a:ext uri="{FF2B5EF4-FFF2-40B4-BE49-F238E27FC236}">
                    <a16:creationId xmlns:a16="http://schemas.microsoft.com/office/drawing/2014/main" id="{4E5C765E-D614-6C46-8E72-AF845C76BE80}"/>
                  </a:ext>
                </a:extLst>
              </p14:cNvPr>
              <p14:cNvContentPartPr/>
              <p14:nvPr/>
            </p14:nvContentPartPr>
            <p14:xfrm>
              <a:off x="2281587" y="3492858"/>
              <a:ext cx="360" cy="2393640"/>
            </p14:xfrm>
          </p:contentPart>
        </mc:Choice>
        <mc:Fallback>
          <p:pic>
            <p:nvPicPr>
              <p:cNvPr id="260" name="Ink 259">
                <a:extLst>
                  <a:ext uri="{FF2B5EF4-FFF2-40B4-BE49-F238E27FC236}">
                    <a16:creationId xmlns:a16="http://schemas.microsoft.com/office/drawing/2014/main" id="{4E5C765E-D614-6C46-8E72-AF845C76BE80}"/>
                  </a:ext>
                </a:extLst>
              </p:cNvPr>
              <p:cNvPicPr/>
              <p:nvPr/>
            </p:nvPicPr>
            <p:blipFill>
              <a:blip r:embed="rId151"/>
              <a:stretch>
                <a:fillRect/>
              </a:stretch>
            </p:blipFill>
            <p:spPr>
              <a:xfrm>
                <a:off x="2263587" y="3474858"/>
                <a:ext cx="36000" cy="2429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52">
            <p14:nvContentPartPr>
              <p14:cNvPr id="261" name="Ink 260">
                <a:extLst>
                  <a:ext uri="{FF2B5EF4-FFF2-40B4-BE49-F238E27FC236}">
                    <a16:creationId xmlns:a16="http://schemas.microsoft.com/office/drawing/2014/main" id="{769BCC60-52F9-5842-84E4-FCE63E357CD1}"/>
                  </a:ext>
                </a:extLst>
              </p14:cNvPr>
              <p14:cNvContentPartPr/>
              <p14:nvPr/>
            </p14:nvContentPartPr>
            <p14:xfrm>
              <a:off x="2247027" y="5887218"/>
              <a:ext cx="2627280" cy="360"/>
            </p14:xfrm>
          </p:contentPart>
        </mc:Choice>
        <mc:Fallback>
          <p:pic>
            <p:nvPicPr>
              <p:cNvPr id="261" name="Ink 260">
                <a:extLst>
                  <a:ext uri="{FF2B5EF4-FFF2-40B4-BE49-F238E27FC236}">
                    <a16:creationId xmlns:a16="http://schemas.microsoft.com/office/drawing/2014/main" id="{769BCC60-52F9-5842-84E4-FCE63E357CD1}"/>
                  </a:ext>
                </a:extLst>
              </p:cNvPr>
              <p:cNvPicPr/>
              <p:nvPr/>
            </p:nvPicPr>
            <p:blipFill>
              <a:blip r:embed="rId153"/>
              <a:stretch>
                <a:fillRect/>
              </a:stretch>
            </p:blipFill>
            <p:spPr>
              <a:xfrm>
                <a:off x="2229027" y="5869218"/>
                <a:ext cx="2662920" cy="3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xmlns:aink="http://schemas.microsoft.com/office/drawing/2016/ink" Requires="p14 aink">
          <p:contentPart p14:bwMode="auto" r:id="rId154">
            <p14:nvContentPartPr>
              <p14:cNvPr id="265" name="Ink 264">
                <a:extLst>
                  <a:ext uri="{FF2B5EF4-FFF2-40B4-BE49-F238E27FC236}">
                    <a16:creationId xmlns:a16="http://schemas.microsoft.com/office/drawing/2014/main" id="{2FD15967-6D6C-C44A-B27A-059CFDA1EE3E}"/>
                  </a:ext>
                </a:extLst>
              </p14:cNvPr>
              <p14:cNvContentPartPr/>
              <p14:nvPr/>
            </p14:nvContentPartPr>
            <p14:xfrm>
              <a:off x="1860092" y="2305260"/>
              <a:ext cx="1158120" cy="744120"/>
            </p14:xfrm>
          </p:contentPart>
        </mc:Choice>
        <mc:Fallback>
          <p:pic>
            <p:nvPicPr>
              <p:cNvPr id="265" name="Ink 264">
                <a:extLst>
                  <a:ext uri="{FF2B5EF4-FFF2-40B4-BE49-F238E27FC236}">
                    <a16:creationId xmlns:a16="http://schemas.microsoft.com/office/drawing/2014/main" id="{2FD15967-6D6C-C44A-B27A-059CFDA1EE3E}"/>
                  </a:ext>
                </a:extLst>
              </p:cNvPr>
              <p:cNvPicPr/>
              <p:nvPr/>
            </p:nvPicPr>
            <p:blipFill>
              <a:blip r:embed="rId155"/>
              <a:stretch>
                <a:fillRect/>
              </a:stretch>
            </p:blipFill>
            <p:spPr>
              <a:xfrm>
                <a:off x="1851092" y="2296260"/>
                <a:ext cx="1175760" cy="761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56">
            <p14:nvContentPartPr>
              <p14:cNvPr id="276" name="Ink 275">
                <a:extLst>
                  <a:ext uri="{FF2B5EF4-FFF2-40B4-BE49-F238E27FC236}">
                    <a16:creationId xmlns:a16="http://schemas.microsoft.com/office/drawing/2014/main" id="{55299B68-CA26-E74D-80E9-199F292396E7}"/>
                  </a:ext>
                </a:extLst>
              </p14:cNvPr>
              <p14:cNvContentPartPr/>
              <p14:nvPr/>
            </p14:nvContentPartPr>
            <p14:xfrm>
              <a:off x="3143257" y="6067260"/>
              <a:ext cx="159840" cy="216360"/>
            </p14:xfrm>
          </p:contentPart>
        </mc:Choice>
        <mc:Fallback>
          <p:pic>
            <p:nvPicPr>
              <p:cNvPr id="276" name="Ink 275">
                <a:extLst>
                  <a:ext uri="{FF2B5EF4-FFF2-40B4-BE49-F238E27FC236}">
                    <a16:creationId xmlns:a16="http://schemas.microsoft.com/office/drawing/2014/main" id="{55299B68-CA26-E74D-80E9-199F292396E7}"/>
                  </a:ext>
                </a:extLst>
              </p:cNvPr>
              <p:cNvPicPr/>
              <p:nvPr/>
            </p:nvPicPr>
            <p:blipFill>
              <a:blip r:embed="rId157"/>
              <a:stretch>
                <a:fillRect/>
              </a:stretch>
            </p:blipFill>
            <p:spPr>
              <a:xfrm>
                <a:off x="3138937" y="6062933"/>
                <a:ext cx="168480" cy="225014"/>
              </a:xfrm>
              <a:prstGeom prst="rect">
                <a:avLst/>
              </a:prstGeom>
            </p:spPr>
          </p:pic>
        </mc:Fallback>
      </mc:AlternateContent>
      <p:grpSp>
        <p:nvGrpSpPr>
          <p:cNvPr id="291" name="Group 290">
            <a:extLst>
              <a:ext uri="{FF2B5EF4-FFF2-40B4-BE49-F238E27FC236}">
                <a16:creationId xmlns:a16="http://schemas.microsoft.com/office/drawing/2014/main" id="{B2A26BF2-7311-294F-99C8-6C18CBF64CDF}"/>
              </a:ext>
            </a:extLst>
          </p:cNvPr>
          <p:cNvGrpSpPr/>
          <p:nvPr/>
        </p:nvGrpSpPr>
        <p:grpSpPr>
          <a:xfrm>
            <a:off x="2531977" y="5819940"/>
            <a:ext cx="2335195" cy="460080"/>
            <a:chOff x="2531977" y="6009120"/>
            <a:chExt cx="2335195" cy="4600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58">
              <p14:nvContentPartPr>
                <p14:cNvPr id="262" name="Ink 261">
                  <a:extLst>
                    <a:ext uri="{FF2B5EF4-FFF2-40B4-BE49-F238E27FC236}">
                      <a16:creationId xmlns:a16="http://schemas.microsoft.com/office/drawing/2014/main" id="{7FCAFAB8-BBA7-BD4A-BFE6-780063BCAB8E}"/>
                    </a:ext>
                  </a:extLst>
                </p14:cNvPr>
                <p14:cNvContentPartPr/>
                <p14:nvPr/>
              </p14:nvContentPartPr>
              <p14:xfrm>
                <a:off x="4582052" y="6009120"/>
                <a:ext cx="285120" cy="64800"/>
              </p14:xfrm>
            </p:contentPart>
          </mc:Choice>
          <mc:Fallback>
            <p:pic>
              <p:nvPicPr>
                <p:cNvPr id="262" name="Ink 261">
                  <a:extLst>
                    <a:ext uri="{FF2B5EF4-FFF2-40B4-BE49-F238E27FC236}">
                      <a16:creationId xmlns:a16="http://schemas.microsoft.com/office/drawing/2014/main" id="{7FCAFAB8-BBA7-BD4A-BFE6-780063BCAB8E}"/>
                    </a:ext>
                  </a:extLst>
                </p:cNvPr>
                <p:cNvPicPr/>
                <p:nvPr/>
              </p:nvPicPr>
              <p:blipFill>
                <a:blip r:embed="rId159"/>
                <a:stretch>
                  <a:fillRect/>
                </a:stretch>
              </p:blipFill>
              <p:spPr>
                <a:xfrm>
                  <a:off x="4564052" y="5991120"/>
                  <a:ext cx="320760" cy="1004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0">
              <p14:nvContentPartPr>
                <p14:cNvPr id="263" name="Ink 262">
                  <a:extLst>
                    <a:ext uri="{FF2B5EF4-FFF2-40B4-BE49-F238E27FC236}">
                      <a16:creationId xmlns:a16="http://schemas.microsoft.com/office/drawing/2014/main" id="{86C7942D-74F3-AC46-B46E-D3F2AC557F8F}"/>
                    </a:ext>
                  </a:extLst>
                </p14:cNvPr>
                <p14:cNvContentPartPr/>
                <p14:nvPr/>
              </p14:nvContentPartPr>
              <p14:xfrm>
                <a:off x="4578092" y="6089040"/>
                <a:ext cx="273600" cy="46080"/>
              </p14:xfrm>
            </p:contentPart>
          </mc:Choice>
          <mc:Fallback>
            <p:pic>
              <p:nvPicPr>
                <p:cNvPr id="263" name="Ink 262">
                  <a:extLst>
                    <a:ext uri="{FF2B5EF4-FFF2-40B4-BE49-F238E27FC236}">
                      <a16:creationId xmlns:a16="http://schemas.microsoft.com/office/drawing/2014/main" id="{86C7942D-74F3-AC46-B46E-D3F2AC557F8F}"/>
                    </a:ext>
                  </a:extLst>
                </p:cNvPr>
                <p:cNvPicPr/>
                <p:nvPr/>
              </p:nvPicPr>
              <p:blipFill>
                <a:blip r:embed="rId161"/>
                <a:stretch>
                  <a:fillRect/>
                </a:stretch>
              </p:blipFill>
              <p:spPr>
                <a:xfrm>
                  <a:off x="4560092" y="6071040"/>
                  <a:ext cx="309240" cy="817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2">
              <p14:nvContentPartPr>
                <p14:cNvPr id="266" name="Ink 265">
                  <a:extLst>
                    <a:ext uri="{FF2B5EF4-FFF2-40B4-BE49-F238E27FC236}">
                      <a16:creationId xmlns:a16="http://schemas.microsoft.com/office/drawing/2014/main" id="{B08295B4-0888-144A-939D-83BC7E5BA103}"/>
                    </a:ext>
                  </a:extLst>
                </p14:cNvPr>
                <p14:cNvContentPartPr/>
                <p14:nvPr/>
              </p14:nvContentPartPr>
              <p14:xfrm>
                <a:off x="2581297" y="6184080"/>
                <a:ext cx="7920" cy="258120"/>
              </p14:xfrm>
            </p:contentPart>
          </mc:Choice>
          <mc:Fallback>
            <p:pic>
              <p:nvPicPr>
                <p:cNvPr id="266" name="Ink 265">
                  <a:extLst>
                    <a:ext uri="{FF2B5EF4-FFF2-40B4-BE49-F238E27FC236}">
                      <a16:creationId xmlns:a16="http://schemas.microsoft.com/office/drawing/2014/main" id="{B08295B4-0888-144A-939D-83BC7E5BA103}"/>
                    </a:ext>
                  </a:extLst>
                </p:cNvPr>
                <p:cNvPicPr/>
                <p:nvPr/>
              </p:nvPicPr>
              <p:blipFill>
                <a:blip r:embed="rId163"/>
                <a:stretch>
                  <a:fillRect/>
                </a:stretch>
              </p:blipFill>
              <p:spPr>
                <a:xfrm>
                  <a:off x="2577165" y="6179760"/>
                  <a:ext cx="16184" cy="266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4">
              <p14:nvContentPartPr>
                <p14:cNvPr id="267" name="Ink 266">
                  <a:extLst>
                    <a:ext uri="{FF2B5EF4-FFF2-40B4-BE49-F238E27FC236}">
                      <a16:creationId xmlns:a16="http://schemas.microsoft.com/office/drawing/2014/main" id="{2B382D54-F837-804A-B281-D9E523CE775C}"/>
                    </a:ext>
                  </a:extLst>
                </p14:cNvPr>
                <p14:cNvContentPartPr/>
                <p14:nvPr/>
              </p14:nvContentPartPr>
              <p14:xfrm>
                <a:off x="2531977" y="6184080"/>
                <a:ext cx="190080" cy="285120"/>
              </p14:xfrm>
            </p:contentPart>
          </mc:Choice>
          <mc:Fallback>
            <p:pic>
              <p:nvPicPr>
                <p:cNvPr id="267" name="Ink 266">
                  <a:extLst>
                    <a:ext uri="{FF2B5EF4-FFF2-40B4-BE49-F238E27FC236}">
                      <a16:creationId xmlns:a16="http://schemas.microsoft.com/office/drawing/2014/main" id="{2B382D54-F837-804A-B281-D9E523CE775C}"/>
                    </a:ext>
                  </a:extLst>
                </p:cNvPr>
                <p:cNvPicPr/>
                <p:nvPr/>
              </p:nvPicPr>
              <p:blipFill>
                <a:blip r:embed="rId165"/>
                <a:stretch>
                  <a:fillRect/>
                </a:stretch>
              </p:blipFill>
              <p:spPr>
                <a:xfrm>
                  <a:off x="2527665" y="6179760"/>
                  <a:ext cx="198704" cy="293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6">
              <p14:nvContentPartPr>
                <p14:cNvPr id="269" name="Ink 268">
                  <a:extLst>
                    <a:ext uri="{FF2B5EF4-FFF2-40B4-BE49-F238E27FC236}">
                      <a16:creationId xmlns:a16="http://schemas.microsoft.com/office/drawing/2014/main" id="{60B90066-F9C2-494D-8873-4065F418001F}"/>
                    </a:ext>
                  </a:extLst>
                </p14:cNvPr>
                <p14:cNvContentPartPr/>
                <p14:nvPr/>
              </p14:nvContentPartPr>
              <p14:xfrm>
                <a:off x="2740777" y="6343200"/>
                <a:ext cx="106560" cy="114120"/>
              </p14:xfrm>
            </p:contentPart>
          </mc:Choice>
          <mc:Fallback>
            <p:pic>
              <p:nvPicPr>
                <p:cNvPr id="269" name="Ink 268">
                  <a:extLst>
                    <a:ext uri="{FF2B5EF4-FFF2-40B4-BE49-F238E27FC236}">
                      <a16:creationId xmlns:a16="http://schemas.microsoft.com/office/drawing/2014/main" id="{60B90066-F9C2-494D-8873-4065F418001F}"/>
                    </a:ext>
                  </a:extLst>
                </p:cNvPr>
                <p:cNvPicPr/>
                <p:nvPr/>
              </p:nvPicPr>
              <p:blipFill>
                <a:blip r:embed="rId167"/>
                <a:stretch>
                  <a:fillRect/>
                </a:stretch>
              </p:blipFill>
              <p:spPr>
                <a:xfrm>
                  <a:off x="2736472" y="6338880"/>
                  <a:ext cx="115171" cy="122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68">
              <p14:nvContentPartPr>
                <p14:cNvPr id="270" name="Ink 269">
                  <a:extLst>
                    <a:ext uri="{FF2B5EF4-FFF2-40B4-BE49-F238E27FC236}">
                      <a16:creationId xmlns:a16="http://schemas.microsoft.com/office/drawing/2014/main" id="{FAE6A3DA-79B6-CA41-B0EB-CD4BF485C87C}"/>
                    </a:ext>
                  </a:extLst>
                </p14:cNvPr>
                <p14:cNvContentPartPr/>
                <p14:nvPr/>
              </p14:nvContentPartPr>
              <p14:xfrm>
                <a:off x="2903857" y="6350760"/>
                <a:ext cx="83880" cy="102960"/>
              </p14:xfrm>
            </p:contentPart>
          </mc:Choice>
          <mc:Fallback>
            <p:pic>
              <p:nvPicPr>
                <p:cNvPr id="270" name="Ink 269">
                  <a:extLst>
                    <a:ext uri="{FF2B5EF4-FFF2-40B4-BE49-F238E27FC236}">
                      <a16:creationId xmlns:a16="http://schemas.microsoft.com/office/drawing/2014/main" id="{FAE6A3DA-79B6-CA41-B0EB-CD4BF485C87C}"/>
                    </a:ext>
                  </a:extLst>
                </p:cNvPr>
                <p:cNvPicPr/>
                <p:nvPr/>
              </p:nvPicPr>
              <p:blipFill>
                <a:blip r:embed="rId169"/>
                <a:stretch>
                  <a:fillRect/>
                </a:stretch>
              </p:blipFill>
              <p:spPr>
                <a:xfrm>
                  <a:off x="2899537" y="6346440"/>
                  <a:ext cx="92520" cy="1116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0">
              <p14:nvContentPartPr>
                <p14:cNvPr id="271" name="Ink 270">
                  <a:extLst>
                    <a:ext uri="{FF2B5EF4-FFF2-40B4-BE49-F238E27FC236}">
                      <a16:creationId xmlns:a16="http://schemas.microsoft.com/office/drawing/2014/main" id="{21CCF532-C144-D44A-BE94-699D9D938581}"/>
                    </a:ext>
                  </a:extLst>
                </p14:cNvPr>
                <p14:cNvContentPartPr/>
                <p14:nvPr/>
              </p14:nvContentPartPr>
              <p14:xfrm>
                <a:off x="3017977" y="6339600"/>
                <a:ext cx="79920" cy="113760"/>
              </p14:xfrm>
            </p:contentPart>
          </mc:Choice>
          <mc:Fallback>
            <p:pic>
              <p:nvPicPr>
                <p:cNvPr id="271" name="Ink 270">
                  <a:extLst>
                    <a:ext uri="{FF2B5EF4-FFF2-40B4-BE49-F238E27FC236}">
                      <a16:creationId xmlns:a16="http://schemas.microsoft.com/office/drawing/2014/main" id="{21CCF532-C144-D44A-BE94-699D9D938581}"/>
                    </a:ext>
                  </a:extLst>
                </p:cNvPr>
                <p:cNvPicPr/>
                <p:nvPr/>
              </p:nvPicPr>
              <p:blipFill>
                <a:blip r:embed="rId171"/>
                <a:stretch>
                  <a:fillRect/>
                </a:stretch>
              </p:blipFill>
              <p:spPr>
                <a:xfrm>
                  <a:off x="3013676" y="6335294"/>
                  <a:ext cx="88521" cy="122373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2">
              <p14:nvContentPartPr>
                <p14:cNvPr id="280" name="Ink 279">
                  <a:extLst>
                    <a:ext uri="{FF2B5EF4-FFF2-40B4-BE49-F238E27FC236}">
                      <a16:creationId xmlns:a16="http://schemas.microsoft.com/office/drawing/2014/main" id="{DAA38221-6D51-8548-86CD-040E33B8036F}"/>
                    </a:ext>
                  </a:extLst>
                </p14:cNvPr>
                <p14:cNvContentPartPr/>
                <p14:nvPr/>
              </p14:nvContentPartPr>
              <p14:xfrm>
                <a:off x="3341970" y="6373808"/>
                <a:ext cx="83880" cy="82440"/>
              </p14:xfrm>
            </p:contentPart>
          </mc:Choice>
          <mc:Fallback>
            <p:pic>
              <p:nvPicPr>
                <p:cNvPr id="280" name="Ink 279">
                  <a:extLst>
                    <a:ext uri="{FF2B5EF4-FFF2-40B4-BE49-F238E27FC236}">
                      <a16:creationId xmlns:a16="http://schemas.microsoft.com/office/drawing/2014/main" id="{DAA38221-6D51-8548-86CD-040E33B8036F}"/>
                    </a:ext>
                  </a:extLst>
                </p:cNvPr>
                <p:cNvPicPr/>
                <p:nvPr/>
              </p:nvPicPr>
              <p:blipFill>
                <a:blip r:embed="rId173"/>
                <a:stretch>
                  <a:fillRect/>
                </a:stretch>
              </p:blipFill>
              <p:spPr>
                <a:xfrm>
                  <a:off x="3337650" y="6369488"/>
                  <a:ext cx="92520" cy="910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4">
              <p14:nvContentPartPr>
                <p14:cNvPr id="282" name="Ink 281">
                  <a:extLst>
                    <a:ext uri="{FF2B5EF4-FFF2-40B4-BE49-F238E27FC236}">
                      <a16:creationId xmlns:a16="http://schemas.microsoft.com/office/drawing/2014/main" id="{AC34B698-9A39-BC43-929F-69BFB933070C}"/>
                    </a:ext>
                  </a:extLst>
                </p14:cNvPr>
                <p14:cNvContentPartPr/>
                <p14:nvPr/>
              </p14:nvContentPartPr>
              <p14:xfrm>
                <a:off x="3451410" y="6272288"/>
                <a:ext cx="109440" cy="181080"/>
              </p14:xfrm>
            </p:contentPart>
          </mc:Choice>
          <mc:Fallback>
            <p:pic>
              <p:nvPicPr>
                <p:cNvPr id="282" name="Ink 281">
                  <a:extLst>
                    <a:ext uri="{FF2B5EF4-FFF2-40B4-BE49-F238E27FC236}">
                      <a16:creationId xmlns:a16="http://schemas.microsoft.com/office/drawing/2014/main" id="{AC34B698-9A39-BC43-929F-69BFB933070C}"/>
                    </a:ext>
                  </a:extLst>
                </p:cNvPr>
                <p:cNvPicPr/>
                <p:nvPr/>
              </p:nvPicPr>
              <p:blipFill>
                <a:blip r:embed="rId175"/>
                <a:stretch>
                  <a:fillRect/>
                </a:stretch>
              </p:blipFill>
              <p:spPr>
                <a:xfrm>
                  <a:off x="3447104" y="6267968"/>
                  <a:ext cx="118052" cy="1897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6">
              <p14:nvContentPartPr>
                <p14:cNvPr id="284" name="Ink 283">
                  <a:extLst>
                    <a:ext uri="{FF2B5EF4-FFF2-40B4-BE49-F238E27FC236}">
                      <a16:creationId xmlns:a16="http://schemas.microsoft.com/office/drawing/2014/main" id="{ECED41CB-E9AA-0244-8D06-FA0E620ADF49}"/>
                    </a:ext>
                  </a:extLst>
                </p14:cNvPr>
                <p14:cNvContentPartPr/>
                <p14:nvPr/>
              </p14:nvContentPartPr>
              <p14:xfrm>
                <a:off x="3799530" y="6141608"/>
                <a:ext cx="157320" cy="314280"/>
              </p14:xfrm>
            </p:contentPart>
          </mc:Choice>
          <mc:Fallback>
            <p:pic>
              <p:nvPicPr>
                <p:cNvPr id="284" name="Ink 283">
                  <a:extLst>
                    <a:ext uri="{FF2B5EF4-FFF2-40B4-BE49-F238E27FC236}">
                      <a16:creationId xmlns:a16="http://schemas.microsoft.com/office/drawing/2014/main" id="{ECED41CB-E9AA-0244-8D06-FA0E620ADF49}"/>
                    </a:ext>
                  </a:extLst>
                </p:cNvPr>
                <p:cNvPicPr/>
                <p:nvPr/>
              </p:nvPicPr>
              <p:blipFill>
                <a:blip r:embed="rId177"/>
                <a:stretch>
                  <a:fillRect/>
                </a:stretch>
              </p:blipFill>
              <p:spPr>
                <a:xfrm>
                  <a:off x="3795210" y="6137293"/>
                  <a:ext cx="165960" cy="32291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78">
              <p14:nvContentPartPr>
                <p14:cNvPr id="286" name="Ink 285">
                  <a:extLst>
                    <a:ext uri="{FF2B5EF4-FFF2-40B4-BE49-F238E27FC236}">
                      <a16:creationId xmlns:a16="http://schemas.microsoft.com/office/drawing/2014/main" id="{741F68BE-7550-8B44-AF3A-C14271E9CED3}"/>
                    </a:ext>
                  </a:extLst>
                </p14:cNvPr>
                <p14:cNvContentPartPr/>
                <p14:nvPr/>
              </p14:nvContentPartPr>
              <p14:xfrm>
                <a:off x="3987450" y="6341408"/>
                <a:ext cx="14040" cy="101160"/>
              </p14:xfrm>
            </p:contentPart>
          </mc:Choice>
          <mc:Fallback>
            <p:pic>
              <p:nvPicPr>
                <p:cNvPr id="286" name="Ink 285">
                  <a:extLst>
                    <a:ext uri="{FF2B5EF4-FFF2-40B4-BE49-F238E27FC236}">
                      <a16:creationId xmlns:a16="http://schemas.microsoft.com/office/drawing/2014/main" id="{741F68BE-7550-8B44-AF3A-C14271E9CED3}"/>
                    </a:ext>
                  </a:extLst>
                </p:cNvPr>
                <p:cNvPicPr/>
                <p:nvPr/>
              </p:nvPicPr>
              <p:blipFill>
                <a:blip r:embed="rId179"/>
                <a:stretch>
                  <a:fillRect/>
                </a:stretch>
              </p:blipFill>
              <p:spPr>
                <a:xfrm>
                  <a:off x="3983130" y="6337088"/>
                  <a:ext cx="22680" cy="1098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0">
              <p14:nvContentPartPr>
                <p14:cNvPr id="287" name="Ink 286">
                  <a:extLst>
                    <a:ext uri="{FF2B5EF4-FFF2-40B4-BE49-F238E27FC236}">
                      <a16:creationId xmlns:a16="http://schemas.microsoft.com/office/drawing/2014/main" id="{40156185-20E2-2740-8019-81996CFC581E}"/>
                    </a:ext>
                  </a:extLst>
                </p14:cNvPr>
                <p14:cNvContentPartPr/>
                <p14:nvPr/>
              </p14:nvContentPartPr>
              <p14:xfrm>
                <a:off x="3974490" y="6279848"/>
                <a:ext cx="33840" cy="9000"/>
              </p14:xfrm>
            </p:contentPart>
          </mc:Choice>
          <mc:Fallback>
            <p:pic>
              <p:nvPicPr>
                <p:cNvPr id="287" name="Ink 286">
                  <a:extLst>
                    <a:ext uri="{FF2B5EF4-FFF2-40B4-BE49-F238E27FC236}">
                      <a16:creationId xmlns:a16="http://schemas.microsoft.com/office/drawing/2014/main" id="{40156185-20E2-2740-8019-81996CFC581E}"/>
                    </a:ext>
                  </a:extLst>
                </p:cNvPr>
                <p:cNvPicPr/>
                <p:nvPr/>
              </p:nvPicPr>
              <p:blipFill>
                <a:blip r:embed="rId181"/>
                <a:stretch>
                  <a:fillRect/>
                </a:stretch>
              </p:blipFill>
              <p:spPr>
                <a:xfrm>
                  <a:off x="3970170" y="6275528"/>
                  <a:ext cx="42480" cy="176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2">
              <p14:nvContentPartPr>
                <p14:cNvPr id="288" name="Ink 287">
                  <a:extLst>
                    <a:ext uri="{FF2B5EF4-FFF2-40B4-BE49-F238E27FC236}">
                      <a16:creationId xmlns:a16="http://schemas.microsoft.com/office/drawing/2014/main" id="{96A44547-2752-5F42-BA42-42EDEEF6FC17}"/>
                    </a:ext>
                  </a:extLst>
                </p14:cNvPr>
                <p14:cNvContentPartPr/>
                <p14:nvPr/>
              </p14:nvContentPartPr>
              <p14:xfrm>
                <a:off x="4036770" y="6231248"/>
                <a:ext cx="152280" cy="223200"/>
              </p14:xfrm>
            </p:contentPart>
          </mc:Choice>
          <mc:Fallback>
            <p:pic>
              <p:nvPicPr>
                <p:cNvPr id="288" name="Ink 287">
                  <a:extLst>
                    <a:ext uri="{FF2B5EF4-FFF2-40B4-BE49-F238E27FC236}">
                      <a16:creationId xmlns:a16="http://schemas.microsoft.com/office/drawing/2014/main" id="{96A44547-2752-5F42-BA42-42EDEEF6FC17}"/>
                    </a:ext>
                  </a:extLst>
                </p:cNvPr>
                <p:cNvPicPr/>
                <p:nvPr/>
              </p:nvPicPr>
              <p:blipFill>
                <a:blip r:embed="rId183"/>
                <a:stretch>
                  <a:fillRect/>
                </a:stretch>
              </p:blipFill>
              <p:spPr>
                <a:xfrm>
                  <a:off x="4032450" y="6226928"/>
                  <a:ext cx="160920" cy="2318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4">
              <p14:nvContentPartPr>
                <p14:cNvPr id="289" name="Ink 288">
                  <a:extLst>
                    <a:ext uri="{FF2B5EF4-FFF2-40B4-BE49-F238E27FC236}">
                      <a16:creationId xmlns:a16="http://schemas.microsoft.com/office/drawing/2014/main" id="{13A7ECA1-3490-4145-B1FE-AB87AF0D269E}"/>
                    </a:ext>
                  </a:extLst>
                </p14:cNvPr>
                <p14:cNvContentPartPr/>
                <p14:nvPr/>
              </p14:nvContentPartPr>
              <p14:xfrm>
                <a:off x="4224690" y="6349688"/>
                <a:ext cx="85680" cy="85680"/>
              </p14:xfrm>
            </p:contentPart>
          </mc:Choice>
          <mc:Fallback>
            <p:pic>
              <p:nvPicPr>
                <p:cNvPr id="289" name="Ink 288">
                  <a:extLst>
                    <a:ext uri="{FF2B5EF4-FFF2-40B4-BE49-F238E27FC236}">
                      <a16:creationId xmlns:a16="http://schemas.microsoft.com/office/drawing/2014/main" id="{13A7ECA1-3490-4145-B1FE-AB87AF0D269E}"/>
                    </a:ext>
                  </a:extLst>
                </p:cNvPr>
                <p:cNvPicPr/>
                <p:nvPr/>
              </p:nvPicPr>
              <p:blipFill>
                <a:blip r:embed="rId185"/>
                <a:stretch>
                  <a:fillRect/>
                </a:stretch>
              </p:blipFill>
              <p:spPr>
                <a:xfrm>
                  <a:off x="4220370" y="6345368"/>
                  <a:ext cx="94320" cy="943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86">
              <p14:nvContentPartPr>
                <p14:cNvPr id="290" name="Ink 289">
                  <a:extLst>
                    <a:ext uri="{FF2B5EF4-FFF2-40B4-BE49-F238E27FC236}">
                      <a16:creationId xmlns:a16="http://schemas.microsoft.com/office/drawing/2014/main" id="{B2CB16FE-D36A-3141-822C-61DA201348E9}"/>
                    </a:ext>
                  </a:extLst>
                </p14:cNvPr>
                <p14:cNvContentPartPr/>
                <p14:nvPr/>
              </p14:nvContentPartPr>
              <p14:xfrm>
                <a:off x="4345650" y="6325928"/>
                <a:ext cx="101160" cy="105840"/>
              </p14:xfrm>
            </p:contentPart>
          </mc:Choice>
          <mc:Fallback>
            <p:pic>
              <p:nvPicPr>
                <p:cNvPr id="290" name="Ink 289">
                  <a:extLst>
                    <a:ext uri="{FF2B5EF4-FFF2-40B4-BE49-F238E27FC236}">
                      <a16:creationId xmlns:a16="http://schemas.microsoft.com/office/drawing/2014/main" id="{B2CB16FE-D36A-3141-822C-61DA201348E9}"/>
                    </a:ext>
                  </a:extLst>
                </p:cNvPr>
                <p:cNvPicPr/>
                <p:nvPr/>
              </p:nvPicPr>
              <p:blipFill>
                <a:blip r:embed="rId187"/>
                <a:stretch>
                  <a:fillRect/>
                </a:stretch>
              </p:blipFill>
              <p:spPr>
                <a:xfrm>
                  <a:off x="4341330" y="6321623"/>
                  <a:ext cx="109800" cy="114451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188">
            <p14:nvContentPartPr>
              <p14:cNvPr id="18" name="Ink 17">
                <a:extLst>
                  <a:ext uri="{FF2B5EF4-FFF2-40B4-BE49-F238E27FC236}">
                    <a16:creationId xmlns:a16="http://schemas.microsoft.com/office/drawing/2014/main" id="{5D42FA42-6E08-0145-91CA-6ADE9B65BE00}"/>
                  </a:ext>
                </a:extLst>
              </p14:cNvPr>
              <p14:cNvContentPartPr/>
              <p14:nvPr/>
            </p14:nvContentPartPr>
            <p14:xfrm>
              <a:off x="3767570" y="4642172"/>
              <a:ext cx="2786040" cy="360"/>
            </p14:xfrm>
          </p:contentPart>
        </mc:Choice>
        <mc:Fallback>
          <p:pic>
            <p:nvPicPr>
              <p:cNvPr id="18" name="Ink 17">
                <a:extLst>
                  <a:ext uri="{FF2B5EF4-FFF2-40B4-BE49-F238E27FC236}">
                    <a16:creationId xmlns:a16="http://schemas.microsoft.com/office/drawing/2014/main" id="{5D42FA42-6E08-0145-91CA-6ADE9B65BE00}"/>
                  </a:ext>
                </a:extLst>
              </p:cNvPr>
              <p:cNvPicPr/>
              <p:nvPr/>
            </p:nvPicPr>
            <p:blipFill>
              <a:blip r:embed="rId189"/>
              <a:stretch>
                <a:fillRect/>
              </a:stretch>
            </p:blipFill>
            <p:spPr>
              <a:xfrm>
                <a:off x="3749572" y="4624172"/>
                <a:ext cx="2821675" cy="3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90">
            <p14:nvContentPartPr>
              <p14:cNvPr id="19" name="Ink 18">
                <a:extLst>
                  <a:ext uri="{FF2B5EF4-FFF2-40B4-BE49-F238E27FC236}">
                    <a16:creationId xmlns:a16="http://schemas.microsoft.com/office/drawing/2014/main" id="{2BFE28A9-3B27-2B48-8871-961F566A8044}"/>
                  </a:ext>
                </a:extLst>
              </p14:cNvPr>
              <p14:cNvContentPartPr/>
              <p14:nvPr/>
            </p14:nvContentPartPr>
            <p14:xfrm>
              <a:off x="5307716" y="4683394"/>
              <a:ext cx="360" cy="244440"/>
            </p14:xfrm>
          </p:contentPart>
        </mc:Choice>
        <mc:Fallback>
          <p:pic>
            <p:nvPicPr>
              <p:cNvPr id="19" name="Ink 18">
                <a:extLst>
                  <a:ext uri="{FF2B5EF4-FFF2-40B4-BE49-F238E27FC236}">
                    <a16:creationId xmlns:a16="http://schemas.microsoft.com/office/drawing/2014/main" id="{2BFE28A9-3B27-2B48-8871-961F566A8044}"/>
                  </a:ext>
                </a:extLst>
              </p:cNvPr>
              <p:cNvPicPr/>
              <p:nvPr/>
            </p:nvPicPr>
            <p:blipFill>
              <a:blip r:embed="rId191"/>
              <a:stretch>
                <a:fillRect/>
              </a:stretch>
            </p:blipFill>
            <p:spPr>
              <a:xfrm>
                <a:off x="5289716" y="4665367"/>
                <a:ext cx="36000" cy="28013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92">
            <p14:nvContentPartPr>
              <p14:cNvPr id="20" name="Ink 19">
                <a:extLst>
                  <a:ext uri="{FF2B5EF4-FFF2-40B4-BE49-F238E27FC236}">
                    <a16:creationId xmlns:a16="http://schemas.microsoft.com/office/drawing/2014/main" id="{09F2EDB2-494C-9642-9E4F-78B88F7CE389}"/>
                  </a:ext>
                </a:extLst>
              </p14:cNvPr>
              <p14:cNvContentPartPr/>
              <p14:nvPr/>
            </p14:nvContentPartPr>
            <p14:xfrm>
              <a:off x="6561236" y="3830194"/>
              <a:ext cx="360" cy="853560"/>
            </p14:xfrm>
          </p:contentPart>
        </mc:Choice>
        <mc:Fallback>
          <p:pic>
            <p:nvPicPr>
              <p:cNvPr id="20" name="Ink 19">
                <a:extLst>
                  <a:ext uri="{FF2B5EF4-FFF2-40B4-BE49-F238E27FC236}">
                    <a16:creationId xmlns:a16="http://schemas.microsoft.com/office/drawing/2014/main" id="{09F2EDB2-494C-9642-9E4F-78B88F7CE389}"/>
                  </a:ext>
                </a:extLst>
              </p:cNvPr>
              <p:cNvPicPr/>
              <p:nvPr/>
            </p:nvPicPr>
            <p:blipFill>
              <a:blip r:embed="rId193"/>
              <a:stretch>
                <a:fillRect/>
              </a:stretch>
            </p:blipFill>
            <p:spPr>
              <a:xfrm>
                <a:off x="6543236" y="3812202"/>
                <a:ext cx="36000" cy="88918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194">
            <p14:nvContentPartPr>
              <p14:cNvPr id="22" name="Ink 21">
                <a:extLst>
                  <a:ext uri="{FF2B5EF4-FFF2-40B4-BE49-F238E27FC236}">
                    <a16:creationId xmlns:a16="http://schemas.microsoft.com/office/drawing/2014/main" id="{1DAEED78-4BD7-0D41-87FD-91E4027098A0}"/>
                  </a:ext>
                </a:extLst>
              </p14:cNvPr>
              <p14:cNvContentPartPr/>
              <p14:nvPr/>
            </p14:nvContentPartPr>
            <p14:xfrm>
              <a:off x="5241888" y="4769969"/>
              <a:ext cx="147240" cy="210600"/>
            </p14:xfrm>
          </p:contentPart>
        </mc:Choice>
        <mc:Fallback>
          <p:pic>
            <p:nvPicPr>
              <p:cNvPr id="22" name="Ink 21">
                <a:extLst>
                  <a:ext uri="{FF2B5EF4-FFF2-40B4-BE49-F238E27FC236}">
                    <a16:creationId xmlns:a16="http://schemas.microsoft.com/office/drawing/2014/main" id="{1DAEED78-4BD7-0D41-87FD-91E4027098A0}"/>
                  </a:ext>
                </a:extLst>
              </p:cNvPr>
              <p:cNvPicPr/>
              <p:nvPr/>
            </p:nvPicPr>
            <p:blipFill>
              <a:blip r:embed="rId195"/>
              <a:stretch>
                <a:fillRect/>
              </a:stretch>
            </p:blipFill>
            <p:spPr>
              <a:xfrm>
                <a:off x="5223888" y="4752000"/>
                <a:ext cx="182880" cy="246179"/>
              </a:xfrm>
              <a:prstGeom prst="rect">
                <a:avLst/>
              </a:prstGeom>
            </p:spPr>
          </p:pic>
        </mc:Fallback>
      </mc:AlternateContent>
      <p:grpSp>
        <p:nvGrpSpPr>
          <p:cNvPr id="35" name="Group 34">
            <a:extLst>
              <a:ext uri="{FF2B5EF4-FFF2-40B4-BE49-F238E27FC236}">
                <a16:creationId xmlns:a16="http://schemas.microsoft.com/office/drawing/2014/main" id="{18478CA9-906F-9340-806F-168103E8D05D}"/>
              </a:ext>
            </a:extLst>
          </p:cNvPr>
          <p:cNvGrpSpPr/>
          <p:nvPr/>
        </p:nvGrpSpPr>
        <p:grpSpPr>
          <a:xfrm>
            <a:off x="6143313" y="4808752"/>
            <a:ext cx="913320" cy="251280"/>
            <a:chOff x="6143313" y="4997932"/>
            <a:chExt cx="913320" cy="2512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196">
              <p14:nvContentPartPr>
                <p14:cNvPr id="23" name="Ink 22">
                  <a:extLst>
                    <a:ext uri="{FF2B5EF4-FFF2-40B4-BE49-F238E27FC236}">
                      <a16:creationId xmlns:a16="http://schemas.microsoft.com/office/drawing/2014/main" id="{FDC00A00-A0D5-6246-B9FA-B5D30389A7B0}"/>
                    </a:ext>
                  </a:extLst>
                </p14:cNvPr>
                <p14:cNvContentPartPr/>
                <p14:nvPr/>
              </p14:nvContentPartPr>
              <p14:xfrm>
                <a:off x="6143313" y="4997932"/>
                <a:ext cx="116640" cy="249120"/>
              </p14:xfrm>
            </p:contentPart>
          </mc:Choice>
          <mc:Fallback>
            <p:pic>
              <p:nvPicPr>
                <p:cNvPr id="23" name="Ink 22">
                  <a:extLst>
                    <a:ext uri="{FF2B5EF4-FFF2-40B4-BE49-F238E27FC236}">
                      <a16:creationId xmlns:a16="http://schemas.microsoft.com/office/drawing/2014/main" id="{FDC00A00-A0D5-6246-B9FA-B5D30389A7B0}"/>
                    </a:ext>
                  </a:extLst>
                </p:cNvPr>
                <p:cNvPicPr/>
                <p:nvPr/>
              </p:nvPicPr>
              <p:blipFill>
                <a:blip r:embed="rId197"/>
                <a:stretch>
                  <a:fillRect/>
                </a:stretch>
              </p:blipFill>
              <p:spPr>
                <a:xfrm>
                  <a:off x="6138993" y="4993612"/>
                  <a:ext cx="125280" cy="257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198">
              <p14:nvContentPartPr>
                <p14:cNvPr id="24" name="Ink 23">
                  <a:extLst>
                    <a:ext uri="{FF2B5EF4-FFF2-40B4-BE49-F238E27FC236}">
                      <a16:creationId xmlns:a16="http://schemas.microsoft.com/office/drawing/2014/main" id="{EE34A2F2-E6C9-1F4D-B87A-ED1D76A04E7B}"/>
                    </a:ext>
                  </a:extLst>
                </p14:cNvPr>
                <p14:cNvContentPartPr/>
                <p14:nvPr/>
              </p14:nvContentPartPr>
              <p14:xfrm>
                <a:off x="6307473" y="5143372"/>
                <a:ext cx="140760" cy="100440"/>
              </p14:xfrm>
            </p:contentPart>
          </mc:Choice>
          <mc:Fallback>
            <p:pic>
              <p:nvPicPr>
                <p:cNvPr id="24" name="Ink 23">
                  <a:extLst>
                    <a:ext uri="{FF2B5EF4-FFF2-40B4-BE49-F238E27FC236}">
                      <a16:creationId xmlns:a16="http://schemas.microsoft.com/office/drawing/2014/main" id="{EE34A2F2-E6C9-1F4D-B87A-ED1D76A04E7B}"/>
                    </a:ext>
                  </a:extLst>
                </p:cNvPr>
                <p:cNvPicPr/>
                <p:nvPr/>
              </p:nvPicPr>
              <p:blipFill>
                <a:blip r:embed="rId199"/>
                <a:stretch>
                  <a:fillRect/>
                </a:stretch>
              </p:blipFill>
              <p:spPr>
                <a:xfrm>
                  <a:off x="6303142" y="5139067"/>
                  <a:ext cx="149422" cy="109049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0">
              <p14:nvContentPartPr>
                <p14:cNvPr id="25" name="Ink 24">
                  <a:extLst>
                    <a:ext uri="{FF2B5EF4-FFF2-40B4-BE49-F238E27FC236}">
                      <a16:creationId xmlns:a16="http://schemas.microsoft.com/office/drawing/2014/main" id="{1AC03625-1EEE-0841-85D3-97015EE36AAA}"/>
                    </a:ext>
                  </a:extLst>
                </p14:cNvPr>
                <p14:cNvContentPartPr/>
                <p14:nvPr/>
              </p14:nvContentPartPr>
              <p14:xfrm>
                <a:off x="6455793" y="5061292"/>
                <a:ext cx="39960" cy="169560"/>
              </p14:xfrm>
            </p:contentPart>
          </mc:Choice>
          <mc:Fallback>
            <p:pic>
              <p:nvPicPr>
                <p:cNvPr id="25" name="Ink 24">
                  <a:extLst>
                    <a:ext uri="{FF2B5EF4-FFF2-40B4-BE49-F238E27FC236}">
                      <a16:creationId xmlns:a16="http://schemas.microsoft.com/office/drawing/2014/main" id="{1AC03625-1EEE-0841-85D3-97015EE36AAA}"/>
                    </a:ext>
                  </a:extLst>
                </p:cNvPr>
                <p:cNvPicPr/>
                <p:nvPr/>
              </p:nvPicPr>
              <p:blipFill>
                <a:blip r:embed="rId201"/>
                <a:stretch>
                  <a:fillRect/>
                </a:stretch>
              </p:blipFill>
              <p:spPr>
                <a:xfrm>
                  <a:off x="6451473" y="5056972"/>
                  <a:ext cx="48600" cy="178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2">
              <p14:nvContentPartPr>
                <p14:cNvPr id="26" name="Ink 25">
                  <a:extLst>
                    <a:ext uri="{FF2B5EF4-FFF2-40B4-BE49-F238E27FC236}">
                      <a16:creationId xmlns:a16="http://schemas.microsoft.com/office/drawing/2014/main" id="{D2EA3765-DEF1-AB4C-A962-88EF74429E55}"/>
                    </a:ext>
                  </a:extLst>
                </p14:cNvPr>
                <p14:cNvContentPartPr/>
                <p14:nvPr/>
              </p14:nvContentPartPr>
              <p14:xfrm>
                <a:off x="6431673" y="5140852"/>
                <a:ext cx="63720" cy="21600"/>
              </p14:xfrm>
            </p:contentPart>
          </mc:Choice>
          <mc:Fallback>
            <p:pic>
              <p:nvPicPr>
                <p:cNvPr id="26" name="Ink 25">
                  <a:extLst>
                    <a:ext uri="{FF2B5EF4-FFF2-40B4-BE49-F238E27FC236}">
                      <a16:creationId xmlns:a16="http://schemas.microsoft.com/office/drawing/2014/main" id="{D2EA3765-DEF1-AB4C-A962-88EF74429E55}"/>
                    </a:ext>
                  </a:extLst>
                </p:cNvPr>
                <p:cNvPicPr/>
                <p:nvPr/>
              </p:nvPicPr>
              <p:blipFill>
                <a:blip r:embed="rId203"/>
                <a:stretch>
                  <a:fillRect/>
                </a:stretch>
              </p:blipFill>
              <p:spPr>
                <a:xfrm>
                  <a:off x="6427353" y="5136532"/>
                  <a:ext cx="72360" cy="302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4">
              <p14:nvContentPartPr>
                <p14:cNvPr id="27" name="Ink 26">
                  <a:extLst>
                    <a:ext uri="{FF2B5EF4-FFF2-40B4-BE49-F238E27FC236}">
                      <a16:creationId xmlns:a16="http://schemas.microsoft.com/office/drawing/2014/main" id="{0DDC8C8A-B931-1A4F-AA53-DD84CF8AACAC}"/>
                    </a:ext>
                  </a:extLst>
                </p14:cNvPr>
                <p14:cNvContentPartPr/>
                <p14:nvPr/>
              </p14:nvContentPartPr>
              <p14:xfrm>
                <a:off x="6548313" y="5132572"/>
                <a:ext cx="124560" cy="116640"/>
              </p14:xfrm>
            </p:contentPart>
          </mc:Choice>
          <mc:Fallback>
            <p:pic>
              <p:nvPicPr>
                <p:cNvPr id="27" name="Ink 26">
                  <a:extLst>
                    <a:ext uri="{FF2B5EF4-FFF2-40B4-BE49-F238E27FC236}">
                      <a16:creationId xmlns:a16="http://schemas.microsoft.com/office/drawing/2014/main" id="{0DDC8C8A-B931-1A4F-AA53-DD84CF8AACAC}"/>
                    </a:ext>
                  </a:extLst>
                </p:cNvPr>
                <p:cNvPicPr/>
                <p:nvPr/>
              </p:nvPicPr>
              <p:blipFill>
                <a:blip r:embed="rId205"/>
                <a:stretch>
                  <a:fillRect/>
                </a:stretch>
              </p:blipFill>
              <p:spPr>
                <a:xfrm>
                  <a:off x="6544005" y="5128252"/>
                  <a:ext cx="133175" cy="1252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6">
              <p14:nvContentPartPr>
                <p14:cNvPr id="28" name="Ink 27">
                  <a:extLst>
                    <a:ext uri="{FF2B5EF4-FFF2-40B4-BE49-F238E27FC236}">
                      <a16:creationId xmlns:a16="http://schemas.microsoft.com/office/drawing/2014/main" id="{3C34ABD4-C9EE-FD43-B6C8-E7876FE99577}"/>
                    </a:ext>
                  </a:extLst>
                </p14:cNvPr>
                <p14:cNvContentPartPr/>
                <p14:nvPr/>
              </p14:nvContentPartPr>
              <p14:xfrm>
                <a:off x="6714993" y="5135812"/>
                <a:ext cx="61200" cy="90000"/>
              </p14:xfrm>
            </p:contentPart>
          </mc:Choice>
          <mc:Fallback>
            <p:pic>
              <p:nvPicPr>
                <p:cNvPr id="28" name="Ink 27">
                  <a:extLst>
                    <a:ext uri="{FF2B5EF4-FFF2-40B4-BE49-F238E27FC236}">
                      <a16:creationId xmlns:a16="http://schemas.microsoft.com/office/drawing/2014/main" id="{3C34ABD4-C9EE-FD43-B6C8-E7876FE99577}"/>
                    </a:ext>
                  </a:extLst>
                </p:cNvPr>
                <p:cNvPicPr/>
                <p:nvPr/>
              </p:nvPicPr>
              <p:blipFill>
                <a:blip r:embed="rId207"/>
                <a:stretch>
                  <a:fillRect/>
                </a:stretch>
              </p:blipFill>
              <p:spPr>
                <a:xfrm>
                  <a:off x="6710673" y="5131492"/>
                  <a:ext cx="69840" cy="986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08">
              <p14:nvContentPartPr>
                <p14:cNvPr id="33" name="Ink 32">
                  <a:extLst>
                    <a:ext uri="{FF2B5EF4-FFF2-40B4-BE49-F238E27FC236}">
                      <a16:creationId xmlns:a16="http://schemas.microsoft.com/office/drawing/2014/main" id="{DD10FA22-8031-804E-879E-80E1E4B1A00A}"/>
                    </a:ext>
                  </a:extLst>
                </p14:cNvPr>
                <p14:cNvContentPartPr/>
                <p14:nvPr/>
              </p14:nvContentPartPr>
              <p14:xfrm>
                <a:off x="6826233" y="5119612"/>
                <a:ext cx="69120" cy="103680"/>
              </p14:xfrm>
            </p:contentPart>
          </mc:Choice>
          <mc:Fallback>
            <p:pic>
              <p:nvPicPr>
                <p:cNvPr id="33" name="Ink 32">
                  <a:extLst>
                    <a:ext uri="{FF2B5EF4-FFF2-40B4-BE49-F238E27FC236}">
                      <a16:creationId xmlns:a16="http://schemas.microsoft.com/office/drawing/2014/main" id="{DD10FA22-8031-804E-879E-80E1E4B1A00A}"/>
                    </a:ext>
                  </a:extLst>
                </p:cNvPr>
                <p:cNvPicPr/>
                <p:nvPr/>
              </p:nvPicPr>
              <p:blipFill>
                <a:blip r:embed="rId209"/>
                <a:stretch>
                  <a:fillRect/>
                </a:stretch>
              </p:blipFill>
              <p:spPr>
                <a:xfrm>
                  <a:off x="6821913" y="5115292"/>
                  <a:ext cx="77760" cy="1123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10">
              <p14:nvContentPartPr>
                <p14:cNvPr id="34" name="Ink 33">
                  <a:extLst>
                    <a:ext uri="{FF2B5EF4-FFF2-40B4-BE49-F238E27FC236}">
                      <a16:creationId xmlns:a16="http://schemas.microsoft.com/office/drawing/2014/main" id="{73BAF1D5-5A6C-0346-A12C-1E96BEDC8ACC}"/>
                    </a:ext>
                  </a:extLst>
                </p14:cNvPr>
                <p14:cNvContentPartPr/>
                <p14:nvPr/>
              </p14:nvContentPartPr>
              <p14:xfrm>
                <a:off x="6918753" y="5032132"/>
                <a:ext cx="137880" cy="204120"/>
              </p14:xfrm>
            </p:contentPart>
          </mc:Choice>
          <mc:Fallback>
            <p:pic>
              <p:nvPicPr>
                <p:cNvPr id="34" name="Ink 33">
                  <a:extLst>
                    <a:ext uri="{FF2B5EF4-FFF2-40B4-BE49-F238E27FC236}">
                      <a16:creationId xmlns:a16="http://schemas.microsoft.com/office/drawing/2014/main" id="{73BAF1D5-5A6C-0346-A12C-1E96BEDC8ACC}"/>
                    </a:ext>
                  </a:extLst>
                </p:cNvPr>
                <p:cNvPicPr/>
                <p:nvPr/>
              </p:nvPicPr>
              <p:blipFill>
                <a:blip r:embed="rId211"/>
                <a:stretch>
                  <a:fillRect/>
                </a:stretch>
              </p:blipFill>
              <p:spPr>
                <a:xfrm>
                  <a:off x="6914433" y="5027812"/>
                  <a:ext cx="146520" cy="21276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212">
            <p14:nvContentPartPr>
              <p14:cNvPr id="42" name="Ink 41">
                <a:extLst>
                  <a:ext uri="{FF2B5EF4-FFF2-40B4-BE49-F238E27FC236}">
                    <a16:creationId xmlns:a16="http://schemas.microsoft.com/office/drawing/2014/main" id="{3B4715F5-20A4-274A-A6EE-57563F4883F9}"/>
                  </a:ext>
                </a:extLst>
              </p14:cNvPr>
              <p14:cNvContentPartPr/>
              <p14:nvPr/>
            </p14:nvContentPartPr>
            <p14:xfrm>
              <a:off x="6175353" y="5256232"/>
              <a:ext cx="5760" cy="68760"/>
            </p14:xfrm>
          </p:contentPart>
        </mc:Choice>
        <mc:Fallback>
          <p:pic>
            <p:nvPicPr>
              <p:cNvPr id="42" name="Ink 41">
                <a:extLst>
                  <a:ext uri="{FF2B5EF4-FFF2-40B4-BE49-F238E27FC236}">
                    <a16:creationId xmlns:a16="http://schemas.microsoft.com/office/drawing/2014/main" id="{3B4715F5-20A4-274A-A6EE-57563F4883F9}"/>
                  </a:ext>
                </a:extLst>
              </p:cNvPr>
              <p:cNvPicPr/>
              <p:nvPr/>
            </p:nvPicPr>
            <p:blipFill>
              <a:blip r:embed="rId213"/>
              <a:stretch>
                <a:fillRect/>
              </a:stretch>
            </p:blipFill>
            <p:spPr>
              <a:xfrm>
                <a:off x="6171033" y="5251912"/>
                <a:ext cx="14400" cy="77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14">
            <p14:nvContentPartPr>
              <p14:cNvPr id="43" name="Ink 42">
                <a:extLst>
                  <a:ext uri="{FF2B5EF4-FFF2-40B4-BE49-F238E27FC236}">
                    <a16:creationId xmlns:a16="http://schemas.microsoft.com/office/drawing/2014/main" id="{4AB7EB93-F782-B142-B2E5-89D6CAD7EF71}"/>
                  </a:ext>
                </a:extLst>
              </p14:cNvPr>
              <p14:cNvContentPartPr/>
              <p14:nvPr/>
            </p14:nvContentPartPr>
            <p14:xfrm>
              <a:off x="6143313" y="5176312"/>
              <a:ext cx="39960" cy="26640"/>
            </p14:xfrm>
          </p:contentPart>
        </mc:Choice>
        <mc:Fallback>
          <p:pic>
            <p:nvPicPr>
              <p:cNvPr id="43" name="Ink 42">
                <a:extLst>
                  <a:ext uri="{FF2B5EF4-FFF2-40B4-BE49-F238E27FC236}">
                    <a16:creationId xmlns:a16="http://schemas.microsoft.com/office/drawing/2014/main" id="{4AB7EB93-F782-B142-B2E5-89D6CAD7EF71}"/>
                  </a:ext>
                </a:extLst>
              </p:cNvPr>
              <p:cNvPicPr/>
              <p:nvPr/>
            </p:nvPicPr>
            <p:blipFill>
              <a:blip r:embed="rId215"/>
              <a:stretch>
                <a:fillRect/>
              </a:stretch>
            </p:blipFill>
            <p:spPr>
              <a:xfrm>
                <a:off x="6138993" y="5171992"/>
                <a:ext cx="48600" cy="35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16">
            <p14:nvContentPartPr>
              <p14:cNvPr id="44" name="Ink 43">
                <a:extLst>
                  <a:ext uri="{FF2B5EF4-FFF2-40B4-BE49-F238E27FC236}">
                    <a16:creationId xmlns:a16="http://schemas.microsoft.com/office/drawing/2014/main" id="{EB388D3D-14B6-4345-B503-DC115330570D}"/>
                  </a:ext>
                </a:extLst>
              </p14:cNvPr>
              <p14:cNvContentPartPr/>
              <p14:nvPr/>
            </p14:nvContentPartPr>
            <p14:xfrm>
              <a:off x="6230793" y="5237152"/>
              <a:ext cx="127440" cy="87840"/>
            </p14:xfrm>
          </p:contentPart>
        </mc:Choice>
        <mc:Fallback>
          <p:pic>
            <p:nvPicPr>
              <p:cNvPr id="44" name="Ink 43">
                <a:extLst>
                  <a:ext uri="{FF2B5EF4-FFF2-40B4-BE49-F238E27FC236}">
                    <a16:creationId xmlns:a16="http://schemas.microsoft.com/office/drawing/2014/main" id="{EB388D3D-14B6-4345-B503-DC115330570D}"/>
                  </a:ext>
                </a:extLst>
              </p:cNvPr>
              <p:cNvPicPr/>
              <p:nvPr/>
            </p:nvPicPr>
            <p:blipFill>
              <a:blip r:embed="rId217"/>
              <a:stretch>
                <a:fillRect/>
              </a:stretch>
            </p:blipFill>
            <p:spPr>
              <a:xfrm>
                <a:off x="6226473" y="5232814"/>
                <a:ext cx="136080" cy="96516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18">
            <p14:nvContentPartPr>
              <p14:cNvPr id="45" name="Ink 44">
                <a:extLst>
                  <a:ext uri="{FF2B5EF4-FFF2-40B4-BE49-F238E27FC236}">
                    <a16:creationId xmlns:a16="http://schemas.microsoft.com/office/drawing/2014/main" id="{79B09464-37DD-934F-BA78-9119BAE57878}"/>
                  </a:ext>
                </a:extLst>
              </p14:cNvPr>
              <p14:cNvContentPartPr/>
              <p14:nvPr/>
            </p14:nvContentPartPr>
            <p14:xfrm>
              <a:off x="6389553" y="5232112"/>
              <a:ext cx="77040" cy="164520"/>
            </p14:xfrm>
          </p:contentPart>
        </mc:Choice>
        <mc:Fallback>
          <p:pic>
            <p:nvPicPr>
              <p:cNvPr id="45" name="Ink 44">
                <a:extLst>
                  <a:ext uri="{FF2B5EF4-FFF2-40B4-BE49-F238E27FC236}">
                    <a16:creationId xmlns:a16="http://schemas.microsoft.com/office/drawing/2014/main" id="{79B09464-37DD-934F-BA78-9119BAE57878}"/>
                  </a:ext>
                </a:extLst>
              </p:cNvPr>
              <p:cNvPicPr/>
              <p:nvPr/>
            </p:nvPicPr>
            <p:blipFill>
              <a:blip r:embed="rId219"/>
              <a:stretch>
                <a:fillRect/>
              </a:stretch>
            </p:blipFill>
            <p:spPr>
              <a:xfrm>
                <a:off x="6385253" y="5227792"/>
                <a:ext cx="85640" cy="1731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20">
            <p14:nvContentPartPr>
              <p14:cNvPr id="47" name="Ink 46">
                <a:extLst>
                  <a:ext uri="{FF2B5EF4-FFF2-40B4-BE49-F238E27FC236}">
                    <a16:creationId xmlns:a16="http://schemas.microsoft.com/office/drawing/2014/main" id="{9DA37AA0-282C-344E-855E-1D67C9F93FF5}"/>
                  </a:ext>
                </a:extLst>
              </p14:cNvPr>
              <p14:cNvContentPartPr/>
              <p14:nvPr/>
            </p14:nvContentPartPr>
            <p14:xfrm>
              <a:off x="6487833" y="5242552"/>
              <a:ext cx="100440" cy="87480"/>
            </p14:xfrm>
          </p:contentPart>
        </mc:Choice>
        <mc:Fallback>
          <p:pic>
            <p:nvPicPr>
              <p:cNvPr id="47" name="Ink 46">
                <a:extLst>
                  <a:ext uri="{FF2B5EF4-FFF2-40B4-BE49-F238E27FC236}">
                    <a16:creationId xmlns:a16="http://schemas.microsoft.com/office/drawing/2014/main" id="{9DA37AA0-282C-344E-855E-1D67C9F93FF5}"/>
                  </a:ext>
                </a:extLst>
              </p:cNvPr>
              <p:cNvPicPr/>
              <p:nvPr/>
            </p:nvPicPr>
            <p:blipFill>
              <a:blip r:embed="rId221"/>
              <a:stretch>
                <a:fillRect/>
              </a:stretch>
            </p:blipFill>
            <p:spPr>
              <a:xfrm>
                <a:off x="6483528" y="5238232"/>
                <a:ext cx="109049" cy="961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22">
            <p14:nvContentPartPr>
              <p14:cNvPr id="48" name="Ink 47">
                <a:extLst>
                  <a:ext uri="{FF2B5EF4-FFF2-40B4-BE49-F238E27FC236}">
                    <a16:creationId xmlns:a16="http://schemas.microsoft.com/office/drawing/2014/main" id="{9E93C203-2906-3A49-B5D5-7B61EB912825}"/>
                  </a:ext>
                </a:extLst>
              </p14:cNvPr>
              <p14:cNvContentPartPr/>
              <p14:nvPr/>
            </p14:nvContentPartPr>
            <p14:xfrm>
              <a:off x="6624993" y="5252992"/>
              <a:ext cx="8280" cy="58680"/>
            </p14:xfrm>
          </p:contentPart>
        </mc:Choice>
        <mc:Fallback>
          <p:pic>
            <p:nvPicPr>
              <p:cNvPr id="48" name="Ink 47">
                <a:extLst>
                  <a:ext uri="{FF2B5EF4-FFF2-40B4-BE49-F238E27FC236}">
                    <a16:creationId xmlns:a16="http://schemas.microsoft.com/office/drawing/2014/main" id="{9E93C203-2906-3A49-B5D5-7B61EB912825}"/>
                  </a:ext>
                </a:extLst>
              </p:cNvPr>
              <p:cNvPicPr/>
              <p:nvPr/>
            </p:nvPicPr>
            <p:blipFill>
              <a:blip r:embed="rId223"/>
              <a:stretch>
                <a:fillRect/>
              </a:stretch>
            </p:blipFill>
            <p:spPr>
              <a:xfrm>
                <a:off x="6620853" y="5248672"/>
                <a:ext cx="16560" cy="67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24">
            <p14:nvContentPartPr>
              <p14:cNvPr id="49" name="Ink 48">
                <a:extLst>
                  <a:ext uri="{FF2B5EF4-FFF2-40B4-BE49-F238E27FC236}">
                    <a16:creationId xmlns:a16="http://schemas.microsoft.com/office/drawing/2014/main" id="{B252EF18-D5E5-DA4A-8B41-8927884EEA5C}"/>
                  </a:ext>
                </a:extLst>
              </p14:cNvPr>
              <p14:cNvContentPartPr/>
              <p14:nvPr/>
            </p14:nvContentPartPr>
            <p14:xfrm>
              <a:off x="6603753" y="5187112"/>
              <a:ext cx="13680" cy="18720"/>
            </p14:xfrm>
          </p:contentPart>
        </mc:Choice>
        <mc:Fallback>
          <p:pic>
            <p:nvPicPr>
              <p:cNvPr id="49" name="Ink 48">
                <a:extLst>
                  <a:ext uri="{FF2B5EF4-FFF2-40B4-BE49-F238E27FC236}">
                    <a16:creationId xmlns:a16="http://schemas.microsoft.com/office/drawing/2014/main" id="{B252EF18-D5E5-DA4A-8B41-8927884EEA5C}"/>
                  </a:ext>
                </a:extLst>
              </p:cNvPr>
              <p:cNvPicPr/>
              <p:nvPr/>
            </p:nvPicPr>
            <p:blipFill>
              <a:blip r:embed="rId225"/>
              <a:stretch>
                <a:fillRect/>
              </a:stretch>
            </p:blipFill>
            <p:spPr>
              <a:xfrm>
                <a:off x="6599316" y="5182792"/>
                <a:ext cx="22554" cy="27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26">
            <p14:nvContentPartPr>
              <p14:cNvPr id="50" name="Ink 49">
                <a:extLst>
                  <a:ext uri="{FF2B5EF4-FFF2-40B4-BE49-F238E27FC236}">
                    <a16:creationId xmlns:a16="http://schemas.microsoft.com/office/drawing/2014/main" id="{7BB6997F-2AE5-B04E-B001-7782CF41D5DF}"/>
                  </a:ext>
                </a:extLst>
              </p14:cNvPr>
              <p14:cNvContentPartPr/>
              <p14:nvPr/>
            </p14:nvContentPartPr>
            <p14:xfrm>
              <a:off x="6667473" y="5226712"/>
              <a:ext cx="55800" cy="77040"/>
            </p14:xfrm>
          </p:contentPart>
        </mc:Choice>
        <mc:Fallback>
          <p:pic>
            <p:nvPicPr>
              <p:cNvPr id="50" name="Ink 49">
                <a:extLst>
                  <a:ext uri="{FF2B5EF4-FFF2-40B4-BE49-F238E27FC236}">
                    <a16:creationId xmlns:a16="http://schemas.microsoft.com/office/drawing/2014/main" id="{7BB6997F-2AE5-B04E-B001-7782CF41D5DF}"/>
                  </a:ext>
                </a:extLst>
              </p:cNvPr>
              <p:cNvPicPr/>
              <p:nvPr/>
            </p:nvPicPr>
            <p:blipFill>
              <a:blip r:embed="rId227"/>
              <a:stretch>
                <a:fillRect/>
              </a:stretch>
            </p:blipFill>
            <p:spPr>
              <a:xfrm>
                <a:off x="6663153" y="5222392"/>
                <a:ext cx="64440" cy="856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28">
            <p14:nvContentPartPr>
              <p14:cNvPr id="51" name="Ink 50">
                <a:extLst>
                  <a:ext uri="{FF2B5EF4-FFF2-40B4-BE49-F238E27FC236}">
                    <a16:creationId xmlns:a16="http://schemas.microsoft.com/office/drawing/2014/main" id="{BE03AB05-A45A-7F45-B259-CE206635751F}"/>
                  </a:ext>
                </a:extLst>
              </p14:cNvPr>
              <p14:cNvContentPartPr/>
              <p14:nvPr/>
            </p14:nvContentPartPr>
            <p14:xfrm>
              <a:off x="6759993" y="5232112"/>
              <a:ext cx="114120" cy="79560"/>
            </p14:xfrm>
          </p:contentPart>
        </mc:Choice>
        <mc:Fallback>
          <p:pic>
            <p:nvPicPr>
              <p:cNvPr id="51" name="Ink 50">
                <a:extLst>
                  <a:ext uri="{FF2B5EF4-FFF2-40B4-BE49-F238E27FC236}">
                    <a16:creationId xmlns:a16="http://schemas.microsoft.com/office/drawing/2014/main" id="{BE03AB05-A45A-7F45-B259-CE206635751F}"/>
                  </a:ext>
                </a:extLst>
              </p:cNvPr>
              <p:cNvPicPr/>
              <p:nvPr/>
            </p:nvPicPr>
            <p:blipFill>
              <a:blip r:embed="rId229"/>
              <a:stretch>
                <a:fillRect/>
              </a:stretch>
            </p:blipFill>
            <p:spPr>
              <a:xfrm>
                <a:off x="6755673" y="5227811"/>
                <a:ext cx="122760" cy="8816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30">
            <p14:nvContentPartPr>
              <p14:cNvPr id="52" name="Ink 51">
                <a:extLst>
                  <a:ext uri="{FF2B5EF4-FFF2-40B4-BE49-F238E27FC236}">
                    <a16:creationId xmlns:a16="http://schemas.microsoft.com/office/drawing/2014/main" id="{450CF84B-E233-8F40-9016-92CDF2B4B015}"/>
                  </a:ext>
                </a:extLst>
              </p14:cNvPr>
              <p14:cNvContentPartPr/>
              <p14:nvPr/>
            </p14:nvContentPartPr>
            <p14:xfrm>
              <a:off x="6897513" y="5224192"/>
              <a:ext cx="151200" cy="87840"/>
            </p14:xfrm>
          </p:contentPart>
        </mc:Choice>
        <mc:Fallback>
          <p:pic>
            <p:nvPicPr>
              <p:cNvPr id="52" name="Ink 51">
                <a:extLst>
                  <a:ext uri="{FF2B5EF4-FFF2-40B4-BE49-F238E27FC236}">
                    <a16:creationId xmlns:a16="http://schemas.microsoft.com/office/drawing/2014/main" id="{450CF84B-E233-8F40-9016-92CDF2B4B015}"/>
                  </a:ext>
                </a:extLst>
              </p:cNvPr>
              <p:cNvPicPr/>
              <p:nvPr/>
            </p:nvPicPr>
            <p:blipFill>
              <a:blip r:embed="rId231"/>
              <a:stretch>
                <a:fillRect/>
              </a:stretch>
            </p:blipFill>
            <p:spPr>
              <a:xfrm>
                <a:off x="6893193" y="5219872"/>
                <a:ext cx="159840" cy="964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32">
            <p14:nvContentPartPr>
              <p14:cNvPr id="53" name="Ink 52">
                <a:extLst>
                  <a:ext uri="{FF2B5EF4-FFF2-40B4-BE49-F238E27FC236}">
                    <a16:creationId xmlns:a16="http://schemas.microsoft.com/office/drawing/2014/main" id="{4DD9341B-3D1C-5043-99BF-37DD13DEF2AD}"/>
                  </a:ext>
                </a:extLst>
              </p14:cNvPr>
              <p14:cNvContentPartPr/>
              <p14:nvPr/>
            </p14:nvContentPartPr>
            <p14:xfrm>
              <a:off x="7080033" y="5198632"/>
              <a:ext cx="32040" cy="110160"/>
            </p14:xfrm>
          </p:contentPart>
        </mc:Choice>
        <mc:Fallback>
          <p:pic>
            <p:nvPicPr>
              <p:cNvPr id="53" name="Ink 52">
                <a:extLst>
                  <a:ext uri="{FF2B5EF4-FFF2-40B4-BE49-F238E27FC236}">
                    <a16:creationId xmlns:a16="http://schemas.microsoft.com/office/drawing/2014/main" id="{4DD9341B-3D1C-5043-99BF-37DD13DEF2AD}"/>
                  </a:ext>
                </a:extLst>
              </p:cNvPr>
              <p:cNvPicPr/>
              <p:nvPr/>
            </p:nvPicPr>
            <p:blipFill>
              <a:blip r:embed="rId233"/>
              <a:stretch>
                <a:fillRect/>
              </a:stretch>
            </p:blipFill>
            <p:spPr>
              <a:xfrm>
                <a:off x="7075713" y="5194312"/>
                <a:ext cx="40680" cy="118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34">
            <p14:nvContentPartPr>
              <p14:cNvPr id="54" name="Ink 53">
                <a:extLst>
                  <a:ext uri="{FF2B5EF4-FFF2-40B4-BE49-F238E27FC236}">
                    <a16:creationId xmlns:a16="http://schemas.microsoft.com/office/drawing/2014/main" id="{A3383592-3A92-F344-8C8A-0AB59ACE5DB5}"/>
                  </a:ext>
                </a:extLst>
              </p14:cNvPr>
              <p14:cNvContentPartPr/>
              <p14:nvPr/>
            </p14:nvContentPartPr>
            <p14:xfrm>
              <a:off x="7077513" y="5245072"/>
              <a:ext cx="55800" cy="21600"/>
            </p14:xfrm>
          </p:contentPart>
        </mc:Choice>
        <mc:Fallback>
          <p:pic>
            <p:nvPicPr>
              <p:cNvPr id="54" name="Ink 53">
                <a:extLst>
                  <a:ext uri="{FF2B5EF4-FFF2-40B4-BE49-F238E27FC236}">
                    <a16:creationId xmlns:a16="http://schemas.microsoft.com/office/drawing/2014/main" id="{A3383592-3A92-F344-8C8A-0AB59ACE5DB5}"/>
                  </a:ext>
                </a:extLst>
              </p:cNvPr>
              <p:cNvPicPr/>
              <p:nvPr/>
            </p:nvPicPr>
            <p:blipFill>
              <a:blip r:embed="rId235"/>
              <a:stretch>
                <a:fillRect/>
              </a:stretch>
            </p:blipFill>
            <p:spPr>
              <a:xfrm>
                <a:off x="7073221" y="5240752"/>
                <a:ext cx="64385" cy="30240"/>
              </a:xfrm>
              <a:prstGeom prst="rect">
                <a:avLst/>
              </a:prstGeom>
            </p:spPr>
          </p:pic>
        </mc:Fallback>
      </mc:AlternateContent>
      <p:grpSp>
        <p:nvGrpSpPr>
          <p:cNvPr id="66" name="Group 65">
            <a:extLst>
              <a:ext uri="{FF2B5EF4-FFF2-40B4-BE49-F238E27FC236}">
                <a16:creationId xmlns:a16="http://schemas.microsoft.com/office/drawing/2014/main" id="{DB504920-12B0-DC4D-94A4-607C4C1C406C}"/>
              </a:ext>
            </a:extLst>
          </p:cNvPr>
          <p:cNvGrpSpPr/>
          <p:nvPr/>
        </p:nvGrpSpPr>
        <p:grpSpPr>
          <a:xfrm>
            <a:off x="6124953" y="5419672"/>
            <a:ext cx="1034640" cy="229320"/>
            <a:chOff x="6124953" y="5608852"/>
            <a:chExt cx="1034640" cy="2293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36">
              <p14:nvContentPartPr>
                <p14:cNvPr id="55" name="Ink 54">
                  <a:extLst>
                    <a:ext uri="{FF2B5EF4-FFF2-40B4-BE49-F238E27FC236}">
                      <a16:creationId xmlns:a16="http://schemas.microsoft.com/office/drawing/2014/main" id="{D23E9AC8-3D31-5F4E-9FAE-13DD1C6D77DB}"/>
                    </a:ext>
                  </a:extLst>
                </p14:cNvPr>
                <p14:cNvContentPartPr/>
                <p14:nvPr/>
              </p14:nvContentPartPr>
              <p14:xfrm>
                <a:off x="6124953" y="5646292"/>
                <a:ext cx="111240" cy="191880"/>
              </p14:xfrm>
            </p:contentPart>
          </mc:Choice>
          <mc:Fallback>
            <p:pic>
              <p:nvPicPr>
                <p:cNvPr id="55" name="Ink 54">
                  <a:extLst>
                    <a:ext uri="{FF2B5EF4-FFF2-40B4-BE49-F238E27FC236}">
                      <a16:creationId xmlns:a16="http://schemas.microsoft.com/office/drawing/2014/main" id="{D23E9AC8-3D31-5F4E-9FAE-13DD1C6D77DB}"/>
                    </a:ext>
                  </a:extLst>
                </p:cNvPr>
                <p:cNvPicPr/>
                <p:nvPr/>
              </p:nvPicPr>
              <p:blipFill>
                <a:blip r:embed="rId237"/>
                <a:stretch>
                  <a:fillRect/>
                </a:stretch>
              </p:blipFill>
              <p:spPr>
                <a:xfrm>
                  <a:off x="6120633" y="5641964"/>
                  <a:ext cx="119880" cy="200536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38">
              <p14:nvContentPartPr>
                <p14:cNvPr id="57" name="Ink 56">
                  <a:extLst>
                    <a:ext uri="{FF2B5EF4-FFF2-40B4-BE49-F238E27FC236}">
                      <a16:creationId xmlns:a16="http://schemas.microsoft.com/office/drawing/2014/main" id="{8B05652A-3E7D-FC48-B505-258852345470}"/>
                    </a:ext>
                  </a:extLst>
                </p14:cNvPr>
                <p14:cNvContentPartPr/>
                <p14:nvPr/>
              </p14:nvContentPartPr>
              <p14:xfrm>
                <a:off x="6264993" y="5672572"/>
                <a:ext cx="108720" cy="79560"/>
              </p14:xfrm>
            </p:contentPart>
          </mc:Choice>
          <mc:Fallback>
            <p:pic>
              <p:nvPicPr>
                <p:cNvPr id="57" name="Ink 56">
                  <a:extLst>
                    <a:ext uri="{FF2B5EF4-FFF2-40B4-BE49-F238E27FC236}">
                      <a16:creationId xmlns:a16="http://schemas.microsoft.com/office/drawing/2014/main" id="{8B05652A-3E7D-FC48-B505-258852345470}"/>
                    </a:ext>
                  </a:extLst>
                </p:cNvPr>
                <p:cNvPicPr/>
                <p:nvPr/>
              </p:nvPicPr>
              <p:blipFill>
                <a:blip r:embed="rId239"/>
                <a:stretch>
                  <a:fillRect/>
                </a:stretch>
              </p:blipFill>
              <p:spPr>
                <a:xfrm>
                  <a:off x="6260673" y="5668271"/>
                  <a:ext cx="117360" cy="88161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40">
              <p14:nvContentPartPr>
                <p14:cNvPr id="58" name="Ink 57">
                  <a:extLst>
                    <a:ext uri="{FF2B5EF4-FFF2-40B4-BE49-F238E27FC236}">
                      <a16:creationId xmlns:a16="http://schemas.microsoft.com/office/drawing/2014/main" id="{89D244F3-801D-5E4C-9D2F-AC23A795967E}"/>
                    </a:ext>
                  </a:extLst>
                </p14:cNvPr>
                <p14:cNvContentPartPr/>
                <p14:nvPr/>
              </p14:nvContentPartPr>
              <p14:xfrm>
                <a:off x="6397473" y="5661772"/>
                <a:ext cx="74520" cy="69120"/>
              </p14:xfrm>
            </p:contentPart>
          </mc:Choice>
          <mc:Fallback>
            <p:pic>
              <p:nvPicPr>
                <p:cNvPr id="58" name="Ink 57">
                  <a:extLst>
                    <a:ext uri="{FF2B5EF4-FFF2-40B4-BE49-F238E27FC236}">
                      <a16:creationId xmlns:a16="http://schemas.microsoft.com/office/drawing/2014/main" id="{89D244F3-801D-5E4C-9D2F-AC23A795967E}"/>
                    </a:ext>
                  </a:extLst>
                </p:cNvPr>
                <p:cNvPicPr/>
                <p:nvPr/>
              </p:nvPicPr>
              <p:blipFill>
                <a:blip r:embed="rId241"/>
                <a:stretch>
                  <a:fillRect/>
                </a:stretch>
              </p:blipFill>
              <p:spPr>
                <a:xfrm>
                  <a:off x="6393153" y="5657452"/>
                  <a:ext cx="83160" cy="77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42">
              <p14:nvContentPartPr>
                <p14:cNvPr id="59" name="Ink 58">
                  <a:extLst>
                    <a:ext uri="{FF2B5EF4-FFF2-40B4-BE49-F238E27FC236}">
                      <a16:creationId xmlns:a16="http://schemas.microsoft.com/office/drawing/2014/main" id="{01DBCC5A-01AB-D74E-9C60-FA1D14FC6A6B}"/>
                    </a:ext>
                  </a:extLst>
                </p14:cNvPr>
                <p14:cNvContentPartPr/>
                <p14:nvPr/>
              </p14:nvContentPartPr>
              <p14:xfrm>
                <a:off x="6461193" y="5669692"/>
                <a:ext cx="92520" cy="69120"/>
              </p14:xfrm>
            </p:contentPart>
          </mc:Choice>
          <mc:Fallback>
            <p:pic>
              <p:nvPicPr>
                <p:cNvPr id="59" name="Ink 58">
                  <a:extLst>
                    <a:ext uri="{FF2B5EF4-FFF2-40B4-BE49-F238E27FC236}">
                      <a16:creationId xmlns:a16="http://schemas.microsoft.com/office/drawing/2014/main" id="{01DBCC5A-01AB-D74E-9C60-FA1D14FC6A6B}"/>
                    </a:ext>
                  </a:extLst>
                </p:cNvPr>
                <p:cNvPicPr/>
                <p:nvPr/>
              </p:nvPicPr>
              <p:blipFill>
                <a:blip r:embed="rId243"/>
                <a:stretch>
                  <a:fillRect/>
                </a:stretch>
              </p:blipFill>
              <p:spPr>
                <a:xfrm>
                  <a:off x="6456873" y="5665372"/>
                  <a:ext cx="101160" cy="777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44">
              <p14:nvContentPartPr>
                <p14:cNvPr id="60" name="Ink 59">
                  <a:extLst>
                    <a:ext uri="{FF2B5EF4-FFF2-40B4-BE49-F238E27FC236}">
                      <a16:creationId xmlns:a16="http://schemas.microsoft.com/office/drawing/2014/main" id="{0AA8394E-1274-8448-A2C8-569E9A186689}"/>
                    </a:ext>
                  </a:extLst>
                </p14:cNvPr>
                <p14:cNvContentPartPr/>
                <p14:nvPr/>
              </p14:nvContentPartPr>
              <p14:xfrm>
                <a:off x="6579993" y="5672572"/>
                <a:ext cx="140760" cy="66600"/>
              </p14:xfrm>
            </p:contentPart>
          </mc:Choice>
          <mc:Fallback>
            <p:pic>
              <p:nvPicPr>
                <p:cNvPr id="60" name="Ink 59">
                  <a:extLst>
                    <a:ext uri="{FF2B5EF4-FFF2-40B4-BE49-F238E27FC236}">
                      <a16:creationId xmlns:a16="http://schemas.microsoft.com/office/drawing/2014/main" id="{0AA8394E-1274-8448-A2C8-569E9A186689}"/>
                    </a:ext>
                  </a:extLst>
                </p:cNvPr>
                <p:cNvPicPr/>
                <p:nvPr/>
              </p:nvPicPr>
              <p:blipFill>
                <a:blip r:embed="rId245"/>
                <a:stretch>
                  <a:fillRect/>
                </a:stretch>
              </p:blipFill>
              <p:spPr>
                <a:xfrm>
                  <a:off x="6575662" y="5668252"/>
                  <a:ext cx="149422" cy="752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46">
              <p14:nvContentPartPr>
                <p14:cNvPr id="61" name="Ink 60">
                  <a:extLst>
                    <a:ext uri="{FF2B5EF4-FFF2-40B4-BE49-F238E27FC236}">
                      <a16:creationId xmlns:a16="http://schemas.microsoft.com/office/drawing/2014/main" id="{23693C0A-589D-DE44-93F8-E28AEF982F0D}"/>
                    </a:ext>
                  </a:extLst>
                </p14:cNvPr>
                <p14:cNvContentPartPr/>
                <p14:nvPr/>
              </p14:nvContentPartPr>
              <p14:xfrm>
                <a:off x="6775833" y="5670052"/>
                <a:ext cx="127440" cy="74160"/>
              </p14:xfrm>
            </p:contentPart>
          </mc:Choice>
          <mc:Fallback>
            <p:pic>
              <p:nvPicPr>
                <p:cNvPr id="61" name="Ink 60">
                  <a:extLst>
                    <a:ext uri="{FF2B5EF4-FFF2-40B4-BE49-F238E27FC236}">
                      <a16:creationId xmlns:a16="http://schemas.microsoft.com/office/drawing/2014/main" id="{23693C0A-589D-DE44-93F8-E28AEF982F0D}"/>
                    </a:ext>
                  </a:extLst>
                </p:cNvPr>
                <p:cNvPicPr/>
                <p:nvPr/>
              </p:nvPicPr>
              <p:blipFill>
                <a:blip r:embed="rId247"/>
                <a:stretch>
                  <a:fillRect/>
                </a:stretch>
              </p:blipFill>
              <p:spPr>
                <a:xfrm>
                  <a:off x="6771513" y="5665732"/>
                  <a:ext cx="136080" cy="828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48">
              <p14:nvContentPartPr>
                <p14:cNvPr id="62" name="Ink 61">
                  <a:extLst>
                    <a:ext uri="{FF2B5EF4-FFF2-40B4-BE49-F238E27FC236}">
                      <a16:creationId xmlns:a16="http://schemas.microsoft.com/office/drawing/2014/main" id="{40B74AE8-4BAC-C745-8336-298859F02A02}"/>
                    </a:ext>
                  </a:extLst>
                </p14:cNvPr>
                <p14:cNvContentPartPr/>
                <p14:nvPr/>
              </p14:nvContentPartPr>
              <p14:xfrm>
                <a:off x="6873753" y="5608852"/>
                <a:ext cx="55800" cy="143280"/>
              </p14:xfrm>
            </p:contentPart>
          </mc:Choice>
          <mc:Fallback>
            <p:pic>
              <p:nvPicPr>
                <p:cNvPr id="62" name="Ink 61">
                  <a:extLst>
                    <a:ext uri="{FF2B5EF4-FFF2-40B4-BE49-F238E27FC236}">
                      <a16:creationId xmlns:a16="http://schemas.microsoft.com/office/drawing/2014/main" id="{40B74AE8-4BAC-C745-8336-298859F02A02}"/>
                    </a:ext>
                  </a:extLst>
                </p:cNvPr>
                <p:cNvPicPr/>
                <p:nvPr/>
              </p:nvPicPr>
              <p:blipFill>
                <a:blip r:embed="rId249"/>
                <a:stretch>
                  <a:fillRect/>
                </a:stretch>
              </p:blipFill>
              <p:spPr>
                <a:xfrm>
                  <a:off x="6869461" y="5604532"/>
                  <a:ext cx="64385" cy="1519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50">
              <p14:nvContentPartPr>
                <p14:cNvPr id="63" name="Ink 62">
                  <a:extLst>
                    <a:ext uri="{FF2B5EF4-FFF2-40B4-BE49-F238E27FC236}">
                      <a16:creationId xmlns:a16="http://schemas.microsoft.com/office/drawing/2014/main" id="{F01E78EB-D676-B942-829F-D1436212E721}"/>
                    </a:ext>
                  </a:extLst>
                </p14:cNvPr>
                <p14:cNvContentPartPr/>
                <p14:nvPr/>
              </p14:nvContentPartPr>
              <p14:xfrm>
                <a:off x="6857913" y="5669692"/>
                <a:ext cx="53280" cy="2880"/>
              </p14:xfrm>
            </p:contentPart>
          </mc:Choice>
          <mc:Fallback>
            <p:pic>
              <p:nvPicPr>
                <p:cNvPr id="63" name="Ink 62">
                  <a:extLst>
                    <a:ext uri="{FF2B5EF4-FFF2-40B4-BE49-F238E27FC236}">
                      <a16:creationId xmlns:a16="http://schemas.microsoft.com/office/drawing/2014/main" id="{F01E78EB-D676-B942-829F-D1436212E721}"/>
                    </a:ext>
                  </a:extLst>
                </p:cNvPr>
                <p:cNvPicPr/>
                <p:nvPr/>
              </p:nvPicPr>
              <p:blipFill>
                <a:blip r:embed="rId251"/>
                <a:stretch>
                  <a:fillRect/>
                </a:stretch>
              </p:blipFill>
              <p:spPr>
                <a:xfrm>
                  <a:off x="6853593" y="5665372"/>
                  <a:ext cx="61920" cy="11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52">
              <p14:nvContentPartPr>
                <p14:cNvPr id="64" name="Ink 63">
                  <a:extLst>
                    <a:ext uri="{FF2B5EF4-FFF2-40B4-BE49-F238E27FC236}">
                      <a16:creationId xmlns:a16="http://schemas.microsoft.com/office/drawing/2014/main" id="{F68B74EE-670A-994A-A4A3-31811E6AE5ED}"/>
                    </a:ext>
                  </a:extLst>
                </p14:cNvPr>
                <p14:cNvContentPartPr/>
                <p14:nvPr/>
              </p14:nvContentPartPr>
              <p14:xfrm>
                <a:off x="6942513" y="5656732"/>
                <a:ext cx="148680" cy="92880"/>
              </p14:xfrm>
            </p:contentPart>
          </mc:Choice>
          <mc:Fallback>
            <p:pic>
              <p:nvPicPr>
                <p:cNvPr id="64" name="Ink 63">
                  <a:extLst>
                    <a:ext uri="{FF2B5EF4-FFF2-40B4-BE49-F238E27FC236}">
                      <a16:creationId xmlns:a16="http://schemas.microsoft.com/office/drawing/2014/main" id="{F68B74EE-670A-994A-A4A3-31811E6AE5ED}"/>
                    </a:ext>
                  </a:extLst>
                </p:cNvPr>
                <p:cNvPicPr/>
                <p:nvPr/>
              </p:nvPicPr>
              <p:blipFill>
                <a:blip r:embed="rId253"/>
                <a:stretch>
                  <a:fillRect/>
                </a:stretch>
              </p:blipFill>
              <p:spPr>
                <a:xfrm>
                  <a:off x="6938193" y="5652412"/>
                  <a:ext cx="157320" cy="101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54">
              <p14:nvContentPartPr>
                <p14:cNvPr id="65" name="Ink 64">
                  <a:extLst>
                    <a:ext uri="{FF2B5EF4-FFF2-40B4-BE49-F238E27FC236}">
                      <a16:creationId xmlns:a16="http://schemas.microsoft.com/office/drawing/2014/main" id="{E6FA0506-86C9-FE4B-8F89-13735F88B100}"/>
                    </a:ext>
                  </a:extLst>
                </p14:cNvPr>
                <p14:cNvContentPartPr/>
                <p14:nvPr/>
              </p14:nvContentPartPr>
              <p14:xfrm>
                <a:off x="7080033" y="5672572"/>
                <a:ext cx="79560" cy="103680"/>
              </p14:xfrm>
            </p:contentPart>
          </mc:Choice>
          <mc:Fallback>
            <p:pic>
              <p:nvPicPr>
                <p:cNvPr id="65" name="Ink 64">
                  <a:extLst>
                    <a:ext uri="{FF2B5EF4-FFF2-40B4-BE49-F238E27FC236}">
                      <a16:creationId xmlns:a16="http://schemas.microsoft.com/office/drawing/2014/main" id="{E6FA0506-86C9-FE4B-8F89-13735F88B100}"/>
                    </a:ext>
                  </a:extLst>
                </p:cNvPr>
                <p:cNvPicPr/>
                <p:nvPr/>
              </p:nvPicPr>
              <p:blipFill>
                <a:blip r:embed="rId255"/>
                <a:stretch>
                  <a:fillRect/>
                </a:stretch>
              </p:blipFill>
              <p:spPr>
                <a:xfrm>
                  <a:off x="7075693" y="5668252"/>
                  <a:ext cx="88239" cy="11232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256">
            <p14:nvContentPartPr>
              <p14:cNvPr id="67" name="Ink 66">
                <a:extLst>
                  <a:ext uri="{FF2B5EF4-FFF2-40B4-BE49-F238E27FC236}">
                    <a16:creationId xmlns:a16="http://schemas.microsoft.com/office/drawing/2014/main" id="{2B80FF5F-7406-364D-8B31-B5506C1FD00B}"/>
                  </a:ext>
                </a:extLst>
              </p14:cNvPr>
              <p14:cNvContentPartPr/>
              <p14:nvPr/>
            </p14:nvContentPartPr>
            <p14:xfrm>
              <a:off x="5125134" y="3274021"/>
              <a:ext cx="360" cy="157320"/>
            </p14:xfrm>
          </p:contentPart>
        </mc:Choice>
        <mc:Fallback>
          <p:pic>
            <p:nvPicPr>
              <p:cNvPr id="67" name="Ink 66">
                <a:extLst>
                  <a:ext uri="{FF2B5EF4-FFF2-40B4-BE49-F238E27FC236}">
                    <a16:creationId xmlns:a16="http://schemas.microsoft.com/office/drawing/2014/main" id="{2B80FF5F-7406-364D-8B31-B5506C1FD00B}"/>
                  </a:ext>
                </a:extLst>
              </p:cNvPr>
              <p:cNvPicPr/>
              <p:nvPr/>
            </p:nvPicPr>
            <p:blipFill>
              <a:blip r:embed="rId257"/>
              <a:stretch>
                <a:fillRect/>
              </a:stretch>
            </p:blipFill>
            <p:spPr>
              <a:xfrm>
                <a:off x="5107134" y="3256021"/>
                <a:ext cx="36000" cy="192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58">
            <p14:nvContentPartPr>
              <p14:cNvPr id="68" name="Ink 67">
                <a:extLst>
                  <a:ext uri="{FF2B5EF4-FFF2-40B4-BE49-F238E27FC236}">
                    <a16:creationId xmlns:a16="http://schemas.microsoft.com/office/drawing/2014/main" id="{97B6D39A-1A02-CB44-8CEB-FC900E1578CF}"/>
                  </a:ext>
                </a:extLst>
              </p14:cNvPr>
              <p14:cNvContentPartPr/>
              <p14:nvPr/>
            </p14:nvContentPartPr>
            <p14:xfrm>
              <a:off x="5125134" y="4077541"/>
              <a:ext cx="360" cy="469080"/>
            </p14:xfrm>
          </p:contentPart>
        </mc:Choice>
        <mc:Fallback>
          <p:pic>
            <p:nvPicPr>
              <p:cNvPr id="68" name="Ink 67">
                <a:extLst>
                  <a:ext uri="{FF2B5EF4-FFF2-40B4-BE49-F238E27FC236}">
                    <a16:creationId xmlns:a16="http://schemas.microsoft.com/office/drawing/2014/main" id="{97B6D39A-1A02-CB44-8CEB-FC900E1578CF}"/>
                  </a:ext>
                </a:extLst>
              </p:cNvPr>
              <p:cNvPicPr/>
              <p:nvPr/>
            </p:nvPicPr>
            <p:blipFill>
              <a:blip r:embed="rId259"/>
              <a:stretch>
                <a:fillRect/>
              </a:stretch>
            </p:blipFill>
            <p:spPr>
              <a:xfrm>
                <a:off x="5107134" y="4059541"/>
                <a:ext cx="36000" cy="5047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60">
            <p14:nvContentPartPr>
              <p14:cNvPr id="69" name="Ink 68">
                <a:extLst>
                  <a:ext uri="{FF2B5EF4-FFF2-40B4-BE49-F238E27FC236}">
                    <a16:creationId xmlns:a16="http://schemas.microsoft.com/office/drawing/2014/main" id="{D90C82CE-4825-0942-937E-3A583999C087}"/>
                  </a:ext>
                </a:extLst>
              </p14:cNvPr>
              <p14:cNvContentPartPr/>
              <p14:nvPr/>
            </p14:nvContentPartPr>
            <p14:xfrm>
              <a:off x="5125134" y="4710421"/>
              <a:ext cx="360" cy="289440"/>
            </p14:xfrm>
          </p:contentPart>
        </mc:Choice>
        <mc:Fallback>
          <p:pic>
            <p:nvPicPr>
              <p:cNvPr id="69" name="Ink 68">
                <a:extLst>
                  <a:ext uri="{FF2B5EF4-FFF2-40B4-BE49-F238E27FC236}">
                    <a16:creationId xmlns:a16="http://schemas.microsoft.com/office/drawing/2014/main" id="{D90C82CE-4825-0942-937E-3A583999C087}"/>
                  </a:ext>
                </a:extLst>
              </p:cNvPr>
              <p:cNvPicPr/>
              <p:nvPr/>
            </p:nvPicPr>
            <p:blipFill>
              <a:blip r:embed="rId261"/>
              <a:stretch>
                <a:fillRect/>
              </a:stretch>
            </p:blipFill>
            <p:spPr>
              <a:xfrm>
                <a:off x="5107134" y="4692421"/>
                <a:ext cx="36000" cy="3250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62">
            <p14:nvContentPartPr>
              <p14:cNvPr id="70" name="Ink 69">
                <a:extLst>
                  <a:ext uri="{FF2B5EF4-FFF2-40B4-BE49-F238E27FC236}">
                    <a16:creationId xmlns:a16="http://schemas.microsoft.com/office/drawing/2014/main" id="{F8ED4432-61A0-8541-B603-DD41D5A579D7}"/>
                  </a:ext>
                </a:extLst>
              </p14:cNvPr>
              <p14:cNvContentPartPr/>
              <p14:nvPr/>
            </p14:nvContentPartPr>
            <p14:xfrm>
              <a:off x="5054934" y="4830301"/>
              <a:ext cx="134280" cy="175680"/>
            </p14:xfrm>
          </p:contentPart>
        </mc:Choice>
        <mc:Fallback>
          <p:pic>
            <p:nvPicPr>
              <p:cNvPr id="70" name="Ink 69">
                <a:extLst>
                  <a:ext uri="{FF2B5EF4-FFF2-40B4-BE49-F238E27FC236}">
                    <a16:creationId xmlns:a16="http://schemas.microsoft.com/office/drawing/2014/main" id="{F8ED4432-61A0-8541-B603-DD41D5A579D7}"/>
                  </a:ext>
                </a:extLst>
              </p:cNvPr>
              <p:cNvPicPr/>
              <p:nvPr/>
            </p:nvPicPr>
            <p:blipFill>
              <a:blip r:embed="rId263"/>
              <a:stretch>
                <a:fillRect/>
              </a:stretch>
            </p:blipFill>
            <p:spPr>
              <a:xfrm>
                <a:off x="5036934" y="4812301"/>
                <a:ext cx="169920" cy="211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64">
            <p14:nvContentPartPr>
              <p14:cNvPr id="17" name="Ink 16">
                <a:extLst>
                  <a:ext uri="{FF2B5EF4-FFF2-40B4-BE49-F238E27FC236}">
                    <a16:creationId xmlns:a16="http://schemas.microsoft.com/office/drawing/2014/main" id="{F1F94F9C-3A72-944F-B4BF-1F9BADFAE04A}"/>
                  </a:ext>
                </a:extLst>
              </p14:cNvPr>
              <p14:cNvContentPartPr/>
              <p14:nvPr/>
            </p14:nvContentPartPr>
            <p14:xfrm>
              <a:off x="4001930" y="1750988"/>
              <a:ext cx="360" cy="601200"/>
            </p14:xfrm>
          </p:contentPart>
        </mc:Choice>
        <mc:Fallback>
          <p:pic>
            <p:nvPicPr>
              <p:cNvPr id="17" name="Ink 16">
                <a:extLst>
                  <a:ext uri="{FF2B5EF4-FFF2-40B4-BE49-F238E27FC236}">
                    <a16:creationId xmlns:a16="http://schemas.microsoft.com/office/drawing/2014/main" id="{F1F94F9C-3A72-944F-B4BF-1F9BADFAE04A}"/>
                  </a:ext>
                </a:extLst>
              </p:cNvPr>
              <p:cNvPicPr/>
              <p:nvPr/>
            </p:nvPicPr>
            <p:blipFill>
              <a:blip r:embed="rId265"/>
              <a:stretch>
                <a:fillRect/>
              </a:stretch>
            </p:blipFill>
            <p:spPr>
              <a:xfrm>
                <a:off x="3992930" y="1741988"/>
                <a:ext cx="18000" cy="618840"/>
              </a:xfrm>
              <a:prstGeom prst="rect">
                <a:avLst/>
              </a:prstGeom>
            </p:spPr>
          </p:pic>
        </mc:Fallback>
      </mc:AlternateContent>
      <p:grpSp>
        <p:nvGrpSpPr>
          <p:cNvPr id="46" name="Group 45">
            <a:extLst>
              <a:ext uri="{FF2B5EF4-FFF2-40B4-BE49-F238E27FC236}">
                <a16:creationId xmlns:a16="http://schemas.microsoft.com/office/drawing/2014/main" id="{EE7E1147-E988-9947-B9D9-8DFBD6F44DD9}"/>
              </a:ext>
            </a:extLst>
          </p:cNvPr>
          <p:cNvGrpSpPr/>
          <p:nvPr/>
        </p:nvGrpSpPr>
        <p:grpSpPr>
          <a:xfrm>
            <a:off x="4001930" y="3587708"/>
            <a:ext cx="360" cy="1851120"/>
            <a:chOff x="4001930" y="3776888"/>
            <a:chExt cx="360" cy="18511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66">
              <p14:nvContentPartPr>
                <p14:cNvPr id="21" name="Ink 20">
                  <a:extLst>
                    <a:ext uri="{FF2B5EF4-FFF2-40B4-BE49-F238E27FC236}">
                      <a16:creationId xmlns:a16="http://schemas.microsoft.com/office/drawing/2014/main" id="{CE9EDB89-5327-5D4F-BA1F-A1B7EFD9738E}"/>
                    </a:ext>
                  </a:extLst>
                </p14:cNvPr>
                <p14:cNvContentPartPr/>
                <p14:nvPr/>
              </p14:nvContentPartPr>
              <p14:xfrm>
                <a:off x="4001930" y="3776888"/>
                <a:ext cx="360" cy="928800"/>
              </p14:xfrm>
            </p:contentPart>
          </mc:Choice>
          <mc:Fallback>
            <p:pic>
              <p:nvPicPr>
                <p:cNvPr id="21" name="Ink 20">
                  <a:extLst>
                    <a:ext uri="{FF2B5EF4-FFF2-40B4-BE49-F238E27FC236}">
                      <a16:creationId xmlns:a16="http://schemas.microsoft.com/office/drawing/2014/main" id="{CE9EDB89-5327-5D4F-BA1F-A1B7EFD9738E}"/>
                    </a:ext>
                  </a:extLst>
                </p:cNvPr>
                <p:cNvPicPr/>
                <p:nvPr/>
              </p:nvPicPr>
              <p:blipFill>
                <a:blip r:embed="rId267"/>
                <a:stretch>
                  <a:fillRect/>
                </a:stretch>
              </p:blipFill>
              <p:spPr>
                <a:xfrm>
                  <a:off x="3992930" y="3767888"/>
                  <a:ext cx="18000" cy="9464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68">
              <p14:nvContentPartPr>
                <p14:cNvPr id="32" name="Ink 31">
                  <a:extLst>
                    <a:ext uri="{FF2B5EF4-FFF2-40B4-BE49-F238E27FC236}">
                      <a16:creationId xmlns:a16="http://schemas.microsoft.com/office/drawing/2014/main" id="{5BB98ECC-5179-CF47-9426-D7B64EB14A18}"/>
                    </a:ext>
                  </a:extLst>
                </p14:cNvPr>
                <p14:cNvContentPartPr/>
                <p14:nvPr/>
              </p14:nvContentPartPr>
              <p14:xfrm>
                <a:off x="4001930" y="4972088"/>
                <a:ext cx="360" cy="655920"/>
              </p14:xfrm>
            </p:contentPart>
          </mc:Choice>
          <mc:Fallback>
            <p:pic>
              <p:nvPicPr>
                <p:cNvPr id="32" name="Ink 31">
                  <a:extLst>
                    <a:ext uri="{FF2B5EF4-FFF2-40B4-BE49-F238E27FC236}">
                      <a16:creationId xmlns:a16="http://schemas.microsoft.com/office/drawing/2014/main" id="{5BB98ECC-5179-CF47-9426-D7B64EB14A18}"/>
                    </a:ext>
                  </a:extLst>
                </p:cNvPr>
                <p:cNvPicPr/>
                <p:nvPr/>
              </p:nvPicPr>
              <p:blipFill>
                <a:blip r:embed="rId269"/>
                <a:stretch>
                  <a:fillRect/>
                </a:stretch>
              </p:blipFill>
              <p:spPr>
                <a:xfrm>
                  <a:off x="3992930" y="4963088"/>
                  <a:ext cx="18000" cy="67356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270">
            <p14:nvContentPartPr>
              <p14:cNvPr id="56" name="Ink 55">
                <a:extLst>
                  <a:ext uri="{FF2B5EF4-FFF2-40B4-BE49-F238E27FC236}">
                    <a16:creationId xmlns:a16="http://schemas.microsoft.com/office/drawing/2014/main" id="{E5068898-6959-A643-BCBD-E97593EDF022}"/>
                  </a:ext>
                </a:extLst>
              </p14:cNvPr>
              <p14:cNvContentPartPr/>
              <p14:nvPr/>
            </p14:nvContentPartPr>
            <p14:xfrm>
              <a:off x="1364210" y="1784828"/>
              <a:ext cx="355320" cy="360"/>
            </p14:xfrm>
          </p:contentPart>
        </mc:Choice>
        <mc:Fallback>
          <p:pic>
            <p:nvPicPr>
              <p:cNvPr id="56" name="Ink 55">
                <a:extLst>
                  <a:ext uri="{FF2B5EF4-FFF2-40B4-BE49-F238E27FC236}">
                    <a16:creationId xmlns:a16="http://schemas.microsoft.com/office/drawing/2014/main" id="{E5068898-6959-A643-BCBD-E97593EDF022}"/>
                  </a:ext>
                </a:extLst>
              </p:cNvPr>
              <p:cNvPicPr/>
              <p:nvPr/>
            </p:nvPicPr>
            <p:blipFill>
              <a:blip r:embed="rId271"/>
              <a:stretch>
                <a:fillRect/>
              </a:stretch>
            </p:blipFill>
            <p:spPr>
              <a:xfrm>
                <a:off x="1355210" y="1775828"/>
                <a:ext cx="37296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72">
            <p14:nvContentPartPr>
              <p14:cNvPr id="71" name="Ink 70">
                <a:extLst>
                  <a:ext uri="{FF2B5EF4-FFF2-40B4-BE49-F238E27FC236}">
                    <a16:creationId xmlns:a16="http://schemas.microsoft.com/office/drawing/2014/main" id="{D59ADF30-E074-2440-B46D-70290E8B8B79}"/>
                  </a:ext>
                </a:extLst>
              </p14:cNvPr>
              <p14:cNvContentPartPr/>
              <p14:nvPr/>
            </p14:nvContentPartPr>
            <p14:xfrm>
              <a:off x="2791250" y="1784828"/>
              <a:ext cx="1195200" cy="360"/>
            </p14:xfrm>
          </p:contentPart>
        </mc:Choice>
        <mc:Fallback>
          <p:pic>
            <p:nvPicPr>
              <p:cNvPr id="71" name="Ink 70">
                <a:extLst>
                  <a:ext uri="{FF2B5EF4-FFF2-40B4-BE49-F238E27FC236}">
                    <a16:creationId xmlns:a16="http://schemas.microsoft.com/office/drawing/2014/main" id="{D59ADF30-E074-2440-B46D-70290E8B8B79}"/>
                  </a:ext>
                </a:extLst>
              </p:cNvPr>
              <p:cNvPicPr/>
              <p:nvPr/>
            </p:nvPicPr>
            <p:blipFill>
              <a:blip r:embed="rId273"/>
              <a:stretch>
                <a:fillRect/>
              </a:stretch>
            </p:blipFill>
            <p:spPr>
              <a:xfrm>
                <a:off x="2782250" y="1775828"/>
                <a:ext cx="1212840" cy="18000"/>
              </a:xfrm>
              <a:prstGeom prst="rect">
                <a:avLst/>
              </a:prstGeom>
            </p:spPr>
          </p:pic>
        </mc:Fallback>
      </mc:AlternateContent>
      <p:grpSp>
        <p:nvGrpSpPr>
          <p:cNvPr id="74" name="Group 73">
            <a:extLst>
              <a:ext uri="{FF2B5EF4-FFF2-40B4-BE49-F238E27FC236}">
                <a16:creationId xmlns:a16="http://schemas.microsoft.com/office/drawing/2014/main" id="{FEF2425C-8125-384D-81D9-065B28A56C74}"/>
              </a:ext>
            </a:extLst>
          </p:cNvPr>
          <p:cNvGrpSpPr/>
          <p:nvPr/>
        </p:nvGrpSpPr>
        <p:grpSpPr>
          <a:xfrm>
            <a:off x="1364210" y="5485628"/>
            <a:ext cx="2649240" cy="360"/>
            <a:chOff x="1364210" y="5674808"/>
            <a:chExt cx="2649240" cy="36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74">
              <p14:nvContentPartPr>
                <p14:cNvPr id="72" name="Ink 71">
                  <a:extLst>
                    <a:ext uri="{FF2B5EF4-FFF2-40B4-BE49-F238E27FC236}">
                      <a16:creationId xmlns:a16="http://schemas.microsoft.com/office/drawing/2014/main" id="{7528BA2A-3FCE-854B-863C-278313401FFE}"/>
                    </a:ext>
                  </a:extLst>
                </p14:cNvPr>
                <p14:cNvContentPartPr/>
                <p14:nvPr/>
              </p14:nvContentPartPr>
              <p14:xfrm>
                <a:off x="2435930" y="5674808"/>
                <a:ext cx="1577520" cy="360"/>
              </p14:xfrm>
            </p:contentPart>
          </mc:Choice>
          <mc:Fallback>
            <p:pic>
              <p:nvPicPr>
                <p:cNvPr id="72" name="Ink 71">
                  <a:extLst>
                    <a:ext uri="{FF2B5EF4-FFF2-40B4-BE49-F238E27FC236}">
                      <a16:creationId xmlns:a16="http://schemas.microsoft.com/office/drawing/2014/main" id="{7528BA2A-3FCE-854B-863C-278313401FFE}"/>
                    </a:ext>
                  </a:extLst>
                </p:cNvPr>
                <p:cNvPicPr/>
                <p:nvPr/>
              </p:nvPicPr>
              <p:blipFill>
                <a:blip r:embed="rId275"/>
                <a:stretch>
                  <a:fillRect/>
                </a:stretch>
              </p:blipFill>
              <p:spPr>
                <a:xfrm>
                  <a:off x="2426930" y="5665808"/>
                  <a:ext cx="1595160" cy="180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76">
              <p14:nvContentPartPr>
                <p14:cNvPr id="73" name="Ink 72">
                  <a:extLst>
                    <a:ext uri="{FF2B5EF4-FFF2-40B4-BE49-F238E27FC236}">
                      <a16:creationId xmlns:a16="http://schemas.microsoft.com/office/drawing/2014/main" id="{AEB972FA-6190-0046-8CAE-80D86A1684F5}"/>
                    </a:ext>
                  </a:extLst>
                </p14:cNvPr>
                <p14:cNvContentPartPr/>
                <p14:nvPr/>
              </p14:nvContentPartPr>
              <p14:xfrm>
                <a:off x="1364210" y="5674808"/>
                <a:ext cx="744480" cy="360"/>
              </p14:xfrm>
            </p:contentPart>
          </mc:Choice>
          <mc:Fallback>
            <p:pic>
              <p:nvPicPr>
                <p:cNvPr id="73" name="Ink 72">
                  <a:extLst>
                    <a:ext uri="{FF2B5EF4-FFF2-40B4-BE49-F238E27FC236}">
                      <a16:creationId xmlns:a16="http://schemas.microsoft.com/office/drawing/2014/main" id="{AEB972FA-6190-0046-8CAE-80D86A1684F5}"/>
                    </a:ext>
                  </a:extLst>
                </p:cNvPr>
                <p:cNvPicPr/>
                <p:nvPr/>
              </p:nvPicPr>
              <p:blipFill>
                <a:blip r:embed="rId277"/>
                <a:stretch>
                  <a:fillRect/>
                </a:stretch>
              </p:blipFill>
              <p:spPr>
                <a:xfrm>
                  <a:off x="1355210" y="5665808"/>
                  <a:ext cx="762120" cy="18000"/>
                </a:xfrm>
                <a:prstGeom prst="rect">
                  <a:avLst/>
                </a:prstGeom>
              </p:spPr>
            </p:pic>
          </mc:Fallback>
        </mc:AlternateContent>
      </p:grpSp>
      <mc:AlternateContent xmlns:mc="http://schemas.openxmlformats.org/markup-compatibility/2006">
        <mc:Choice xmlns:p14="http://schemas.microsoft.com/office/powerpoint/2010/main" Requires="p14">
          <p:contentPart p14:bwMode="auto" r:id="rId278">
            <p14:nvContentPartPr>
              <p14:cNvPr id="75" name="Ink 74">
                <a:extLst>
                  <a:ext uri="{FF2B5EF4-FFF2-40B4-BE49-F238E27FC236}">
                    <a16:creationId xmlns:a16="http://schemas.microsoft.com/office/drawing/2014/main" id="{2FA2777E-870C-084C-ACF9-131E38108EB8}"/>
                  </a:ext>
                </a:extLst>
              </p14:cNvPr>
              <p14:cNvContentPartPr/>
              <p14:nvPr/>
            </p14:nvContentPartPr>
            <p14:xfrm>
              <a:off x="1291490" y="1798868"/>
              <a:ext cx="360" cy="3687480"/>
            </p14:xfrm>
          </p:contentPart>
        </mc:Choice>
        <mc:Fallback>
          <p:pic>
            <p:nvPicPr>
              <p:cNvPr id="75" name="Ink 74">
                <a:extLst>
                  <a:ext uri="{FF2B5EF4-FFF2-40B4-BE49-F238E27FC236}">
                    <a16:creationId xmlns:a16="http://schemas.microsoft.com/office/drawing/2014/main" id="{2FA2777E-870C-084C-ACF9-131E38108EB8}"/>
                  </a:ext>
                </a:extLst>
              </p:cNvPr>
              <p:cNvPicPr/>
              <p:nvPr/>
            </p:nvPicPr>
            <p:blipFill>
              <a:blip r:embed="rId279"/>
              <a:stretch>
                <a:fillRect/>
              </a:stretch>
            </p:blipFill>
            <p:spPr>
              <a:xfrm>
                <a:off x="1282490" y="1789868"/>
                <a:ext cx="18000" cy="37051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80">
            <p14:nvContentPartPr>
              <p14:cNvPr id="76" name="Ink 75">
                <a:extLst>
                  <a:ext uri="{FF2B5EF4-FFF2-40B4-BE49-F238E27FC236}">
                    <a16:creationId xmlns:a16="http://schemas.microsoft.com/office/drawing/2014/main" id="{365DDE4C-0808-574C-A2C6-15870E5A16A3}"/>
                  </a:ext>
                </a:extLst>
              </p14:cNvPr>
              <p14:cNvContentPartPr/>
              <p14:nvPr/>
            </p14:nvContentPartPr>
            <p14:xfrm>
              <a:off x="1297606" y="5491616"/>
              <a:ext cx="88200" cy="6120"/>
            </p14:xfrm>
          </p:contentPart>
        </mc:Choice>
        <mc:Fallback>
          <p:pic>
            <p:nvPicPr>
              <p:cNvPr id="76" name="Ink 75">
                <a:extLst>
                  <a:ext uri="{FF2B5EF4-FFF2-40B4-BE49-F238E27FC236}">
                    <a16:creationId xmlns:a16="http://schemas.microsoft.com/office/drawing/2014/main" id="{365DDE4C-0808-574C-A2C6-15870E5A16A3}"/>
                  </a:ext>
                </a:extLst>
              </p:cNvPr>
              <p:cNvPicPr/>
              <p:nvPr/>
            </p:nvPicPr>
            <p:blipFill>
              <a:blip r:embed="rId281"/>
              <a:stretch>
                <a:fillRect/>
              </a:stretch>
            </p:blipFill>
            <p:spPr>
              <a:xfrm>
                <a:off x="1288606" y="5482616"/>
                <a:ext cx="105840" cy="23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>
        <mc:Choice xmlns:p14="http://schemas.microsoft.com/office/powerpoint/2010/main" Requires="p14">
          <p:contentPart p14:bwMode="auto" r:id="rId282">
            <p14:nvContentPartPr>
              <p14:cNvPr id="77" name="Ink 76">
                <a:extLst>
                  <a:ext uri="{FF2B5EF4-FFF2-40B4-BE49-F238E27FC236}">
                    <a16:creationId xmlns:a16="http://schemas.microsoft.com/office/drawing/2014/main" id="{6EAE5D4E-0789-4343-9AC1-238C8D54186F}"/>
                  </a:ext>
                </a:extLst>
              </p14:cNvPr>
              <p14:cNvContentPartPr/>
              <p14:nvPr/>
            </p14:nvContentPartPr>
            <p14:xfrm>
              <a:off x="1286984" y="1788984"/>
              <a:ext cx="66960" cy="3600"/>
            </p14:xfrm>
          </p:contentPart>
        </mc:Choice>
        <mc:Fallback>
          <p:pic>
            <p:nvPicPr>
              <p:cNvPr id="77" name="Ink 76">
                <a:extLst>
                  <a:ext uri="{FF2B5EF4-FFF2-40B4-BE49-F238E27FC236}">
                    <a16:creationId xmlns:a16="http://schemas.microsoft.com/office/drawing/2014/main" id="{6EAE5D4E-0789-4343-9AC1-238C8D54186F}"/>
                  </a:ext>
                </a:extLst>
              </p:cNvPr>
              <p:cNvPicPr/>
              <p:nvPr/>
            </p:nvPicPr>
            <p:blipFill>
              <a:blip r:embed="rId283"/>
              <a:stretch>
                <a:fillRect/>
              </a:stretch>
            </p:blipFill>
            <p:spPr>
              <a:xfrm>
                <a:off x="1277984" y="1779984"/>
                <a:ext cx="84600" cy="21240"/>
              </a:xfrm>
              <a:prstGeom prst="rect">
                <a:avLst/>
              </a:prstGeom>
            </p:spPr>
          </p:pic>
        </mc:Fallback>
      </mc:AlternateContent>
      <p:grpSp>
        <p:nvGrpSpPr>
          <p:cNvPr id="80" name="Group 79">
            <a:extLst>
              <a:ext uri="{FF2B5EF4-FFF2-40B4-BE49-F238E27FC236}">
                <a16:creationId xmlns:a16="http://schemas.microsoft.com/office/drawing/2014/main" id="{053F5233-413C-3447-9274-FD7477E77F79}"/>
              </a:ext>
            </a:extLst>
          </p:cNvPr>
          <p:cNvGrpSpPr/>
          <p:nvPr/>
        </p:nvGrpSpPr>
        <p:grpSpPr>
          <a:xfrm>
            <a:off x="5619177" y="2907988"/>
            <a:ext cx="234360" cy="124200"/>
            <a:chOff x="5619177" y="3097168"/>
            <a:chExt cx="234360" cy="124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84">
              <p14:nvContentPartPr>
                <p14:cNvPr id="78" name="Ink 77">
                  <a:extLst>
                    <a:ext uri="{FF2B5EF4-FFF2-40B4-BE49-F238E27FC236}">
                      <a16:creationId xmlns:a16="http://schemas.microsoft.com/office/drawing/2014/main" id="{5913FB9B-DBA8-F349-8CD6-E022142CB10B}"/>
                    </a:ext>
                  </a:extLst>
                </p14:cNvPr>
                <p14:cNvContentPartPr/>
                <p14:nvPr/>
              </p14:nvContentPartPr>
              <p14:xfrm>
                <a:off x="5619177" y="3097168"/>
                <a:ext cx="232560" cy="64440"/>
              </p14:xfrm>
            </p:contentPart>
          </mc:Choice>
          <mc:Fallback>
            <p:pic>
              <p:nvPicPr>
                <p:cNvPr id="78" name="Ink 77">
                  <a:extLst>
                    <a:ext uri="{FF2B5EF4-FFF2-40B4-BE49-F238E27FC236}">
                      <a16:creationId xmlns:a16="http://schemas.microsoft.com/office/drawing/2014/main" id="{5913FB9B-DBA8-F349-8CD6-E022142CB10B}"/>
                    </a:ext>
                  </a:extLst>
                </p:cNvPr>
                <p:cNvPicPr/>
                <p:nvPr/>
              </p:nvPicPr>
              <p:blipFill>
                <a:blip r:embed="rId285"/>
                <a:stretch>
                  <a:fillRect/>
                </a:stretch>
              </p:blipFill>
              <p:spPr>
                <a:xfrm>
                  <a:off x="5601177" y="3079168"/>
                  <a:ext cx="268200" cy="1000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86">
              <p14:nvContentPartPr>
                <p14:cNvPr id="79" name="Ink 78">
                  <a:extLst>
                    <a:ext uri="{FF2B5EF4-FFF2-40B4-BE49-F238E27FC236}">
                      <a16:creationId xmlns:a16="http://schemas.microsoft.com/office/drawing/2014/main" id="{31674521-12DD-8C44-A759-66FB59904F8F}"/>
                    </a:ext>
                  </a:extLst>
                </p14:cNvPr>
                <p14:cNvContentPartPr/>
                <p14:nvPr/>
              </p14:nvContentPartPr>
              <p14:xfrm>
                <a:off x="5627817" y="3171328"/>
                <a:ext cx="225720" cy="50040"/>
              </p14:xfrm>
            </p:contentPart>
          </mc:Choice>
          <mc:Fallback>
            <p:pic>
              <p:nvPicPr>
                <p:cNvPr id="79" name="Ink 78">
                  <a:extLst>
                    <a:ext uri="{FF2B5EF4-FFF2-40B4-BE49-F238E27FC236}">
                      <a16:creationId xmlns:a16="http://schemas.microsoft.com/office/drawing/2014/main" id="{31674521-12DD-8C44-A759-66FB59904F8F}"/>
                    </a:ext>
                  </a:extLst>
                </p:cNvPr>
                <p:cNvPicPr/>
                <p:nvPr/>
              </p:nvPicPr>
              <p:blipFill>
                <a:blip r:embed="rId287"/>
                <a:stretch>
                  <a:fillRect/>
                </a:stretch>
              </p:blipFill>
              <p:spPr>
                <a:xfrm>
                  <a:off x="5609817" y="3153198"/>
                  <a:ext cx="261360" cy="85938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83" name="Group 82">
            <a:extLst>
              <a:ext uri="{FF2B5EF4-FFF2-40B4-BE49-F238E27FC236}">
                <a16:creationId xmlns:a16="http://schemas.microsoft.com/office/drawing/2014/main" id="{10D4B423-1BB5-4F43-8E4C-1E8952A5095A}"/>
              </a:ext>
            </a:extLst>
          </p:cNvPr>
          <p:cNvGrpSpPr/>
          <p:nvPr/>
        </p:nvGrpSpPr>
        <p:grpSpPr>
          <a:xfrm>
            <a:off x="9707362" y="2913806"/>
            <a:ext cx="220320" cy="106200"/>
            <a:chOff x="9707362" y="3102986"/>
            <a:chExt cx="220320" cy="1062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88">
              <p14:nvContentPartPr>
                <p14:cNvPr id="81" name="Ink 80">
                  <a:extLst>
                    <a:ext uri="{FF2B5EF4-FFF2-40B4-BE49-F238E27FC236}">
                      <a16:creationId xmlns:a16="http://schemas.microsoft.com/office/drawing/2014/main" id="{431B1626-F28F-4A40-BBDE-23F07702ADC3}"/>
                    </a:ext>
                  </a:extLst>
                </p14:cNvPr>
                <p14:cNvContentPartPr/>
                <p14:nvPr/>
              </p14:nvContentPartPr>
              <p14:xfrm>
                <a:off x="9719242" y="3102986"/>
                <a:ext cx="208440" cy="58320"/>
              </p14:xfrm>
            </p:contentPart>
          </mc:Choice>
          <mc:Fallback>
            <p:pic>
              <p:nvPicPr>
                <p:cNvPr id="81" name="Ink 80">
                  <a:extLst>
                    <a:ext uri="{FF2B5EF4-FFF2-40B4-BE49-F238E27FC236}">
                      <a16:creationId xmlns:a16="http://schemas.microsoft.com/office/drawing/2014/main" id="{431B1626-F28F-4A40-BBDE-23F07702ADC3}"/>
                    </a:ext>
                  </a:extLst>
                </p:cNvPr>
                <p:cNvPicPr/>
                <p:nvPr/>
              </p:nvPicPr>
              <p:blipFill>
                <a:blip r:embed="rId289"/>
                <a:stretch>
                  <a:fillRect/>
                </a:stretch>
              </p:blipFill>
              <p:spPr>
                <a:xfrm>
                  <a:off x="9688282" y="3072026"/>
                  <a:ext cx="269640" cy="119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90">
              <p14:nvContentPartPr>
                <p14:cNvPr id="82" name="Ink 81">
                  <a:extLst>
                    <a:ext uri="{FF2B5EF4-FFF2-40B4-BE49-F238E27FC236}">
                      <a16:creationId xmlns:a16="http://schemas.microsoft.com/office/drawing/2014/main" id="{65D33FD1-04B6-CC48-9591-0E0957581475}"/>
                    </a:ext>
                  </a:extLst>
                </p14:cNvPr>
                <p14:cNvContentPartPr/>
                <p14:nvPr/>
              </p14:nvContentPartPr>
              <p14:xfrm>
                <a:off x="9707362" y="3176426"/>
                <a:ext cx="217080" cy="32760"/>
              </p14:xfrm>
            </p:contentPart>
          </mc:Choice>
          <mc:Fallback>
            <p:pic>
              <p:nvPicPr>
                <p:cNvPr id="82" name="Ink 81">
                  <a:extLst>
                    <a:ext uri="{FF2B5EF4-FFF2-40B4-BE49-F238E27FC236}">
                      <a16:creationId xmlns:a16="http://schemas.microsoft.com/office/drawing/2014/main" id="{65D33FD1-04B6-CC48-9591-0E0957581475}"/>
                    </a:ext>
                  </a:extLst>
                </p:cNvPr>
                <p:cNvPicPr/>
                <p:nvPr/>
              </p:nvPicPr>
              <p:blipFill>
                <a:blip r:embed="rId291"/>
                <a:stretch>
                  <a:fillRect/>
                </a:stretch>
              </p:blipFill>
              <p:spPr>
                <a:xfrm>
                  <a:off x="9676402" y="3145466"/>
                  <a:ext cx="278280" cy="9396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87" name="Group 86">
            <a:extLst>
              <a:ext uri="{FF2B5EF4-FFF2-40B4-BE49-F238E27FC236}">
                <a16:creationId xmlns:a16="http://schemas.microsoft.com/office/drawing/2014/main" id="{9A1EB648-9220-8A44-8625-1232E08ACFD2}"/>
              </a:ext>
            </a:extLst>
          </p:cNvPr>
          <p:cNvGrpSpPr/>
          <p:nvPr/>
        </p:nvGrpSpPr>
        <p:grpSpPr>
          <a:xfrm>
            <a:off x="8361559" y="3198056"/>
            <a:ext cx="246240" cy="141480"/>
            <a:chOff x="8361559" y="3387236"/>
            <a:chExt cx="246240" cy="1414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92">
              <p14:nvContentPartPr>
                <p14:cNvPr id="85" name="Ink 84">
                  <a:extLst>
                    <a:ext uri="{FF2B5EF4-FFF2-40B4-BE49-F238E27FC236}">
                      <a16:creationId xmlns:a16="http://schemas.microsoft.com/office/drawing/2014/main" id="{4C2088D6-DC79-EC43-BF97-D47B61A4F188}"/>
                    </a:ext>
                  </a:extLst>
                </p14:cNvPr>
                <p14:cNvContentPartPr/>
                <p14:nvPr/>
              </p14:nvContentPartPr>
              <p14:xfrm>
                <a:off x="8361559" y="3387236"/>
                <a:ext cx="244440" cy="55800"/>
              </p14:xfrm>
            </p:contentPart>
          </mc:Choice>
          <mc:Fallback>
            <p:pic>
              <p:nvPicPr>
                <p:cNvPr id="85" name="Ink 84">
                  <a:extLst>
                    <a:ext uri="{FF2B5EF4-FFF2-40B4-BE49-F238E27FC236}">
                      <a16:creationId xmlns:a16="http://schemas.microsoft.com/office/drawing/2014/main" id="{4C2088D6-DC79-EC43-BF97-D47B61A4F188}"/>
                    </a:ext>
                  </a:extLst>
                </p:cNvPr>
                <p:cNvPicPr/>
                <p:nvPr/>
              </p:nvPicPr>
              <p:blipFill>
                <a:blip r:embed="rId293"/>
                <a:stretch>
                  <a:fillRect/>
                </a:stretch>
              </p:blipFill>
              <p:spPr>
                <a:xfrm>
                  <a:off x="8330599" y="3356075"/>
                  <a:ext cx="305640" cy="117397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94">
              <p14:nvContentPartPr>
                <p14:cNvPr id="86" name="Ink 85">
                  <a:extLst>
                    <a:ext uri="{FF2B5EF4-FFF2-40B4-BE49-F238E27FC236}">
                      <a16:creationId xmlns:a16="http://schemas.microsoft.com/office/drawing/2014/main" id="{473D3768-A216-894B-8522-A1C950A4D00A}"/>
                    </a:ext>
                  </a:extLst>
                </p14:cNvPr>
                <p14:cNvContentPartPr/>
                <p14:nvPr/>
              </p14:nvContentPartPr>
              <p14:xfrm>
                <a:off x="8361559" y="3455996"/>
                <a:ext cx="246240" cy="72720"/>
              </p14:xfrm>
            </p:contentPart>
          </mc:Choice>
          <mc:Fallback>
            <p:pic>
              <p:nvPicPr>
                <p:cNvPr id="86" name="Ink 85">
                  <a:extLst>
                    <a:ext uri="{FF2B5EF4-FFF2-40B4-BE49-F238E27FC236}">
                      <a16:creationId xmlns:a16="http://schemas.microsoft.com/office/drawing/2014/main" id="{473D3768-A216-894B-8522-A1C950A4D00A}"/>
                    </a:ext>
                  </a:extLst>
                </p:cNvPr>
                <p:cNvPicPr/>
                <p:nvPr/>
              </p:nvPicPr>
              <p:blipFill>
                <a:blip r:embed="rId295"/>
                <a:stretch>
                  <a:fillRect/>
                </a:stretch>
              </p:blipFill>
              <p:spPr>
                <a:xfrm>
                  <a:off x="8330599" y="3425036"/>
                  <a:ext cx="307440" cy="13392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90" name="Group 89">
            <a:extLst>
              <a:ext uri="{FF2B5EF4-FFF2-40B4-BE49-F238E27FC236}">
                <a16:creationId xmlns:a16="http://schemas.microsoft.com/office/drawing/2014/main" id="{D4658BC5-63A4-6E49-9196-006A9E8465E5}"/>
              </a:ext>
            </a:extLst>
          </p:cNvPr>
          <p:cNvGrpSpPr/>
          <p:nvPr/>
        </p:nvGrpSpPr>
        <p:grpSpPr>
          <a:xfrm>
            <a:off x="9688967" y="3596146"/>
            <a:ext cx="655560" cy="214920"/>
            <a:chOff x="9688967" y="3596146"/>
            <a:chExt cx="655560" cy="21492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296">
              <p14:nvContentPartPr>
                <p14:cNvPr id="14" name="Ink 13">
                  <a:extLst>
                    <a:ext uri="{FF2B5EF4-FFF2-40B4-BE49-F238E27FC236}">
                      <a16:creationId xmlns:a16="http://schemas.microsoft.com/office/drawing/2014/main" id="{3F6CD48C-BDA9-D645-975D-A4CDA8AB784A}"/>
                    </a:ext>
                  </a:extLst>
                </p14:cNvPr>
                <p14:cNvContentPartPr/>
                <p14:nvPr/>
              </p14:nvContentPartPr>
              <p14:xfrm>
                <a:off x="9763487" y="3611986"/>
                <a:ext cx="2160" cy="4320"/>
              </p14:xfrm>
            </p:contentPart>
          </mc:Choice>
          <mc:Fallback>
            <p:pic>
              <p:nvPicPr>
                <p:cNvPr id="14" name="Ink 13">
                  <a:extLst>
                    <a:ext uri="{FF2B5EF4-FFF2-40B4-BE49-F238E27FC236}">
                      <a16:creationId xmlns:a16="http://schemas.microsoft.com/office/drawing/2014/main" id="{3F6CD48C-BDA9-D645-975D-A4CDA8AB784A}"/>
                    </a:ext>
                  </a:extLst>
                </p:cNvPr>
                <p:cNvPicPr/>
                <p:nvPr/>
              </p:nvPicPr>
              <p:blipFill>
                <a:blip r:embed="rId297"/>
                <a:stretch>
                  <a:fillRect/>
                </a:stretch>
              </p:blipFill>
              <p:spPr>
                <a:xfrm>
                  <a:off x="9755927" y="3604426"/>
                  <a:ext cx="17280" cy="194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298">
              <p14:nvContentPartPr>
                <p14:cNvPr id="16" name="Ink 15">
                  <a:extLst>
                    <a:ext uri="{FF2B5EF4-FFF2-40B4-BE49-F238E27FC236}">
                      <a16:creationId xmlns:a16="http://schemas.microsoft.com/office/drawing/2014/main" id="{AF288FAF-8C3E-2849-9A8F-38FD5AB11EF0}"/>
                    </a:ext>
                  </a:extLst>
                </p14:cNvPr>
                <p14:cNvContentPartPr/>
                <p14:nvPr/>
              </p14:nvContentPartPr>
              <p14:xfrm>
                <a:off x="9753767" y="3601906"/>
                <a:ext cx="21960" cy="204840"/>
              </p14:xfrm>
            </p:contentPart>
          </mc:Choice>
          <mc:Fallback>
            <p:pic>
              <p:nvPicPr>
                <p:cNvPr id="16" name="Ink 15">
                  <a:extLst>
                    <a:ext uri="{FF2B5EF4-FFF2-40B4-BE49-F238E27FC236}">
                      <a16:creationId xmlns:a16="http://schemas.microsoft.com/office/drawing/2014/main" id="{AF288FAF-8C3E-2849-9A8F-38FD5AB11EF0}"/>
                    </a:ext>
                  </a:extLst>
                </p:cNvPr>
                <p:cNvPicPr/>
                <p:nvPr/>
              </p:nvPicPr>
              <p:blipFill>
                <a:blip r:embed="rId299"/>
                <a:stretch>
                  <a:fillRect/>
                </a:stretch>
              </p:blipFill>
              <p:spPr>
                <a:xfrm>
                  <a:off x="9746207" y="3594346"/>
                  <a:ext cx="37080" cy="2199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00">
              <p14:nvContentPartPr>
                <p14:cNvPr id="39" name="Ink 38">
                  <a:extLst>
                    <a:ext uri="{FF2B5EF4-FFF2-40B4-BE49-F238E27FC236}">
                      <a16:creationId xmlns:a16="http://schemas.microsoft.com/office/drawing/2014/main" id="{B71D19B7-F666-D642-92F2-7B3EDFC82B07}"/>
                    </a:ext>
                  </a:extLst>
                </p14:cNvPr>
                <p14:cNvContentPartPr/>
                <p14:nvPr/>
              </p14:nvContentPartPr>
              <p14:xfrm>
                <a:off x="9688967" y="3596146"/>
                <a:ext cx="224640" cy="208800"/>
              </p14:xfrm>
            </p:contentPart>
          </mc:Choice>
          <mc:Fallback>
            <p:pic>
              <p:nvPicPr>
                <p:cNvPr id="39" name="Ink 38">
                  <a:extLst>
                    <a:ext uri="{FF2B5EF4-FFF2-40B4-BE49-F238E27FC236}">
                      <a16:creationId xmlns:a16="http://schemas.microsoft.com/office/drawing/2014/main" id="{B71D19B7-F666-D642-92F2-7B3EDFC82B07}"/>
                    </a:ext>
                  </a:extLst>
                </p:cNvPr>
                <p:cNvPicPr/>
                <p:nvPr/>
              </p:nvPicPr>
              <p:blipFill>
                <a:blip r:embed="rId301"/>
                <a:stretch>
                  <a:fillRect/>
                </a:stretch>
              </p:blipFill>
              <p:spPr>
                <a:xfrm>
                  <a:off x="9681407" y="3588599"/>
                  <a:ext cx="239760" cy="223894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02">
              <p14:nvContentPartPr>
                <p14:cNvPr id="41" name="Ink 40">
                  <a:extLst>
                    <a:ext uri="{FF2B5EF4-FFF2-40B4-BE49-F238E27FC236}">
                      <a16:creationId xmlns:a16="http://schemas.microsoft.com/office/drawing/2014/main" id="{0605508A-1BE0-6E44-8441-0F6EC3E909B8}"/>
                    </a:ext>
                  </a:extLst>
                </p14:cNvPr>
                <p14:cNvContentPartPr/>
                <p14:nvPr/>
              </p14:nvContentPartPr>
              <p14:xfrm>
                <a:off x="9911087" y="3718186"/>
                <a:ext cx="77040" cy="82800"/>
              </p14:xfrm>
            </p:contentPart>
          </mc:Choice>
          <mc:Fallback>
            <p:pic>
              <p:nvPicPr>
                <p:cNvPr id="41" name="Ink 40">
                  <a:extLst>
                    <a:ext uri="{FF2B5EF4-FFF2-40B4-BE49-F238E27FC236}">
                      <a16:creationId xmlns:a16="http://schemas.microsoft.com/office/drawing/2014/main" id="{0605508A-1BE0-6E44-8441-0F6EC3E909B8}"/>
                    </a:ext>
                  </a:extLst>
                </p:cNvPr>
                <p:cNvPicPr/>
                <p:nvPr/>
              </p:nvPicPr>
              <p:blipFill>
                <a:blip r:embed="rId303"/>
                <a:stretch>
                  <a:fillRect/>
                </a:stretch>
              </p:blipFill>
              <p:spPr>
                <a:xfrm>
                  <a:off x="9903527" y="3710626"/>
                  <a:ext cx="92160" cy="979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04">
              <p14:nvContentPartPr>
                <p14:cNvPr id="84" name="Ink 83">
                  <a:extLst>
                    <a:ext uri="{FF2B5EF4-FFF2-40B4-BE49-F238E27FC236}">
                      <a16:creationId xmlns:a16="http://schemas.microsoft.com/office/drawing/2014/main" id="{28F871A9-967D-E34B-B0C4-954B3AF3370C}"/>
                    </a:ext>
                  </a:extLst>
                </p14:cNvPr>
                <p14:cNvContentPartPr/>
                <p14:nvPr/>
              </p14:nvContentPartPr>
              <p14:xfrm>
                <a:off x="10001807" y="3726106"/>
                <a:ext cx="63360" cy="69120"/>
              </p14:xfrm>
            </p:contentPart>
          </mc:Choice>
          <mc:Fallback>
            <p:pic>
              <p:nvPicPr>
                <p:cNvPr id="84" name="Ink 83">
                  <a:extLst>
                    <a:ext uri="{FF2B5EF4-FFF2-40B4-BE49-F238E27FC236}">
                      <a16:creationId xmlns:a16="http://schemas.microsoft.com/office/drawing/2014/main" id="{28F871A9-967D-E34B-B0C4-954B3AF3370C}"/>
                    </a:ext>
                  </a:extLst>
                </p:cNvPr>
                <p:cNvPicPr/>
                <p:nvPr/>
              </p:nvPicPr>
              <p:blipFill>
                <a:blip r:embed="rId305"/>
                <a:stretch>
                  <a:fillRect/>
                </a:stretch>
              </p:blipFill>
              <p:spPr>
                <a:xfrm>
                  <a:off x="9994247" y="3718506"/>
                  <a:ext cx="78480" cy="84319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06">
              <p14:nvContentPartPr>
                <p14:cNvPr id="88" name="Ink 87">
                  <a:extLst>
                    <a:ext uri="{FF2B5EF4-FFF2-40B4-BE49-F238E27FC236}">
                      <a16:creationId xmlns:a16="http://schemas.microsoft.com/office/drawing/2014/main" id="{50999DA7-1BD5-5B46-83BB-8E72ABB689A6}"/>
                    </a:ext>
                  </a:extLst>
                </p14:cNvPr>
                <p14:cNvContentPartPr/>
                <p14:nvPr/>
              </p14:nvContentPartPr>
              <p14:xfrm>
                <a:off x="10086407" y="3643306"/>
                <a:ext cx="116280" cy="167760"/>
              </p14:xfrm>
            </p:contentPart>
          </mc:Choice>
          <mc:Fallback>
            <p:pic>
              <p:nvPicPr>
                <p:cNvPr id="88" name="Ink 87">
                  <a:extLst>
                    <a:ext uri="{FF2B5EF4-FFF2-40B4-BE49-F238E27FC236}">
                      <a16:creationId xmlns:a16="http://schemas.microsoft.com/office/drawing/2014/main" id="{50999DA7-1BD5-5B46-83BB-8E72ABB689A6}"/>
                    </a:ext>
                  </a:extLst>
                </p:cNvPr>
                <p:cNvPicPr/>
                <p:nvPr/>
              </p:nvPicPr>
              <p:blipFill>
                <a:blip r:embed="rId307"/>
                <a:stretch>
                  <a:fillRect/>
                </a:stretch>
              </p:blipFill>
              <p:spPr>
                <a:xfrm>
                  <a:off x="10078847" y="3635746"/>
                  <a:ext cx="131400" cy="1828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08">
              <p14:nvContentPartPr>
                <p14:cNvPr id="89" name="Ink 88">
                  <a:extLst>
                    <a:ext uri="{FF2B5EF4-FFF2-40B4-BE49-F238E27FC236}">
                      <a16:creationId xmlns:a16="http://schemas.microsoft.com/office/drawing/2014/main" id="{6FE4B44E-8AFF-8D49-87EE-68E2499F36BF}"/>
                    </a:ext>
                  </a:extLst>
                </p14:cNvPr>
                <p14:cNvContentPartPr/>
                <p14:nvPr/>
              </p14:nvContentPartPr>
              <p14:xfrm>
                <a:off x="10200527" y="3737626"/>
                <a:ext cx="144000" cy="66960"/>
              </p14:xfrm>
            </p:contentPart>
          </mc:Choice>
          <mc:Fallback>
            <p:pic>
              <p:nvPicPr>
                <p:cNvPr id="89" name="Ink 88">
                  <a:extLst>
                    <a:ext uri="{FF2B5EF4-FFF2-40B4-BE49-F238E27FC236}">
                      <a16:creationId xmlns:a16="http://schemas.microsoft.com/office/drawing/2014/main" id="{6FE4B44E-8AFF-8D49-87EE-68E2499F36BF}"/>
                    </a:ext>
                  </a:extLst>
                </p:cNvPr>
                <p:cNvPicPr/>
                <p:nvPr/>
              </p:nvPicPr>
              <p:blipFill>
                <a:blip r:embed="rId309"/>
                <a:stretch>
                  <a:fillRect/>
                </a:stretch>
              </p:blipFill>
              <p:spPr>
                <a:xfrm>
                  <a:off x="10192967" y="3730066"/>
                  <a:ext cx="159120" cy="8208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95" name="Group 94">
            <a:extLst>
              <a:ext uri="{FF2B5EF4-FFF2-40B4-BE49-F238E27FC236}">
                <a16:creationId xmlns:a16="http://schemas.microsoft.com/office/drawing/2014/main" id="{33A06C8C-6F31-DA47-AE29-A606F5EE2DA6}"/>
              </a:ext>
            </a:extLst>
          </p:cNvPr>
          <p:cNvGrpSpPr/>
          <p:nvPr/>
        </p:nvGrpSpPr>
        <p:grpSpPr>
          <a:xfrm>
            <a:off x="10489607" y="3639346"/>
            <a:ext cx="497880" cy="185400"/>
            <a:chOff x="10489607" y="3639346"/>
            <a:chExt cx="497880" cy="18540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310">
              <p14:nvContentPartPr>
                <p14:cNvPr id="91" name="Ink 90">
                  <a:extLst>
                    <a:ext uri="{FF2B5EF4-FFF2-40B4-BE49-F238E27FC236}">
                      <a16:creationId xmlns:a16="http://schemas.microsoft.com/office/drawing/2014/main" id="{273DBC32-22BF-5249-A1E2-0E49C2FA7BD5}"/>
                    </a:ext>
                  </a:extLst>
                </p14:cNvPr>
                <p14:cNvContentPartPr/>
                <p14:nvPr/>
              </p14:nvContentPartPr>
              <p14:xfrm>
                <a:off x="10489607" y="3639346"/>
                <a:ext cx="102600" cy="185400"/>
              </p14:xfrm>
            </p:contentPart>
          </mc:Choice>
          <mc:Fallback>
            <p:pic>
              <p:nvPicPr>
                <p:cNvPr id="91" name="Ink 90">
                  <a:extLst>
                    <a:ext uri="{FF2B5EF4-FFF2-40B4-BE49-F238E27FC236}">
                      <a16:creationId xmlns:a16="http://schemas.microsoft.com/office/drawing/2014/main" id="{273DBC32-22BF-5249-A1E2-0E49C2FA7BD5}"/>
                    </a:ext>
                  </a:extLst>
                </p:cNvPr>
                <p:cNvPicPr/>
                <p:nvPr/>
              </p:nvPicPr>
              <p:blipFill>
                <a:blip r:embed="rId311"/>
                <a:stretch>
                  <a:fillRect/>
                </a:stretch>
              </p:blipFill>
              <p:spPr>
                <a:xfrm>
                  <a:off x="10482047" y="3631771"/>
                  <a:ext cx="117720" cy="200549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12">
              <p14:nvContentPartPr>
                <p14:cNvPr id="92" name="Ink 91">
                  <a:extLst>
                    <a:ext uri="{FF2B5EF4-FFF2-40B4-BE49-F238E27FC236}">
                      <a16:creationId xmlns:a16="http://schemas.microsoft.com/office/drawing/2014/main" id="{6DFB4D4E-E11F-C246-B112-DD50B1E1D6ED}"/>
                    </a:ext>
                  </a:extLst>
                </p14:cNvPr>
                <p14:cNvContentPartPr/>
                <p14:nvPr/>
              </p14:nvContentPartPr>
              <p14:xfrm>
                <a:off x="10619207" y="3729706"/>
                <a:ext cx="138240" cy="77040"/>
              </p14:xfrm>
            </p:contentPart>
          </mc:Choice>
          <mc:Fallback>
            <p:pic>
              <p:nvPicPr>
                <p:cNvPr id="92" name="Ink 91">
                  <a:extLst>
                    <a:ext uri="{FF2B5EF4-FFF2-40B4-BE49-F238E27FC236}">
                      <a16:creationId xmlns:a16="http://schemas.microsoft.com/office/drawing/2014/main" id="{6DFB4D4E-E11F-C246-B112-DD50B1E1D6ED}"/>
                    </a:ext>
                  </a:extLst>
                </p:cNvPr>
                <p:cNvPicPr/>
                <p:nvPr/>
              </p:nvPicPr>
              <p:blipFill>
                <a:blip r:embed="rId313"/>
                <a:stretch>
                  <a:fillRect/>
                </a:stretch>
              </p:blipFill>
              <p:spPr>
                <a:xfrm>
                  <a:off x="10611647" y="3722146"/>
                  <a:ext cx="153360" cy="921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14">
              <p14:nvContentPartPr>
                <p14:cNvPr id="93" name="Ink 92">
                  <a:extLst>
                    <a:ext uri="{FF2B5EF4-FFF2-40B4-BE49-F238E27FC236}">
                      <a16:creationId xmlns:a16="http://schemas.microsoft.com/office/drawing/2014/main" id="{6386D3DE-64CD-3C41-B6F3-09A0AB47BB9D}"/>
                    </a:ext>
                  </a:extLst>
                </p14:cNvPr>
                <p14:cNvContentPartPr/>
                <p14:nvPr/>
              </p14:nvContentPartPr>
              <p14:xfrm>
                <a:off x="10774727" y="3728626"/>
                <a:ext cx="49680" cy="64440"/>
              </p14:xfrm>
            </p:contentPart>
          </mc:Choice>
          <mc:Fallback>
            <p:pic>
              <p:nvPicPr>
                <p:cNvPr id="93" name="Ink 92">
                  <a:extLst>
                    <a:ext uri="{FF2B5EF4-FFF2-40B4-BE49-F238E27FC236}">
                      <a16:creationId xmlns:a16="http://schemas.microsoft.com/office/drawing/2014/main" id="{6386D3DE-64CD-3C41-B6F3-09A0AB47BB9D}"/>
                    </a:ext>
                  </a:extLst>
                </p:cNvPr>
                <p:cNvPicPr/>
                <p:nvPr/>
              </p:nvPicPr>
              <p:blipFill>
                <a:blip r:embed="rId315"/>
                <a:stretch>
                  <a:fillRect/>
                </a:stretch>
              </p:blipFill>
              <p:spPr>
                <a:xfrm>
                  <a:off x="10767112" y="3721066"/>
                  <a:ext cx="64910" cy="795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16">
              <p14:nvContentPartPr>
                <p14:cNvPr id="94" name="Ink 93">
                  <a:extLst>
                    <a:ext uri="{FF2B5EF4-FFF2-40B4-BE49-F238E27FC236}">
                      <a16:creationId xmlns:a16="http://schemas.microsoft.com/office/drawing/2014/main" id="{78D0305B-04D0-794C-89B1-18D6C129D0E9}"/>
                    </a:ext>
                  </a:extLst>
                </p14:cNvPr>
                <p14:cNvContentPartPr/>
                <p14:nvPr/>
              </p14:nvContentPartPr>
              <p14:xfrm>
                <a:off x="10855367" y="3708106"/>
                <a:ext cx="132120" cy="81000"/>
              </p14:xfrm>
            </p:contentPart>
          </mc:Choice>
          <mc:Fallback>
            <p:pic>
              <p:nvPicPr>
                <p:cNvPr id="94" name="Ink 93">
                  <a:extLst>
                    <a:ext uri="{FF2B5EF4-FFF2-40B4-BE49-F238E27FC236}">
                      <a16:creationId xmlns:a16="http://schemas.microsoft.com/office/drawing/2014/main" id="{78D0305B-04D0-794C-89B1-18D6C129D0E9}"/>
                    </a:ext>
                  </a:extLst>
                </p:cNvPr>
                <p:cNvPicPr/>
                <p:nvPr/>
              </p:nvPicPr>
              <p:blipFill>
                <a:blip r:embed="rId317"/>
                <a:stretch>
                  <a:fillRect/>
                </a:stretch>
              </p:blipFill>
              <p:spPr>
                <a:xfrm>
                  <a:off x="10847807" y="3700546"/>
                  <a:ext cx="147240" cy="9612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C7B99D28-15AD-864D-8D3F-6DE5D3D522D9}"/>
              </a:ext>
            </a:extLst>
          </p:cNvPr>
          <p:cNvGrpSpPr/>
          <p:nvPr/>
        </p:nvGrpSpPr>
        <p:grpSpPr>
          <a:xfrm>
            <a:off x="9712367" y="3908986"/>
            <a:ext cx="560880" cy="206640"/>
            <a:chOff x="9712367" y="3908986"/>
            <a:chExt cx="560880" cy="20664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318">
              <p14:nvContentPartPr>
                <p14:cNvPr id="96" name="Ink 95">
                  <a:extLst>
                    <a:ext uri="{FF2B5EF4-FFF2-40B4-BE49-F238E27FC236}">
                      <a16:creationId xmlns:a16="http://schemas.microsoft.com/office/drawing/2014/main" id="{79C17374-EE20-A545-8AF2-76B3EB0C3C95}"/>
                    </a:ext>
                  </a:extLst>
                </p14:cNvPr>
                <p14:cNvContentPartPr/>
                <p14:nvPr/>
              </p14:nvContentPartPr>
              <p14:xfrm>
                <a:off x="9712367" y="4003306"/>
                <a:ext cx="79200" cy="10080"/>
              </p14:xfrm>
            </p:contentPart>
          </mc:Choice>
          <mc:Fallback>
            <p:pic>
              <p:nvPicPr>
                <p:cNvPr id="96" name="Ink 95">
                  <a:extLst>
                    <a:ext uri="{FF2B5EF4-FFF2-40B4-BE49-F238E27FC236}">
                      <a16:creationId xmlns:a16="http://schemas.microsoft.com/office/drawing/2014/main" id="{79C17374-EE20-A545-8AF2-76B3EB0C3C95}"/>
                    </a:ext>
                  </a:extLst>
                </p:cNvPr>
                <p:cNvPicPr/>
                <p:nvPr/>
              </p:nvPicPr>
              <p:blipFill>
                <a:blip r:embed="rId319"/>
                <a:stretch>
                  <a:fillRect/>
                </a:stretch>
              </p:blipFill>
              <p:spPr>
                <a:xfrm>
                  <a:off x="9704772" y="3995746"/>
                  <a:ext cx="94389" cy="25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20">
              <p14:nvContentPartPr>
                <p14:cNvPr id="97" name="Ink 96">
                  <a:extLst>
                    <a:ext uri="{FF2B5EF4-FFF2-40B4-BE49-F238E27FC236}">
                      <a16:creationId xmlns:a16="http://schemas.microsoft.com/office/drawing/2014/main" id="{35D7553B-32DB-FF48-9C47-379446074EA7}"/>
                    </a:ext>
                  </a:extLst>
                </p14:cNvPr>
                <p14:cNvContentPartPr/>
                <p14:nvPr/>
              </p14:nvContentPartPr>
              <p14:xfrm>
                <a:off x="9744047" y="3971986"/>
                <a:ext cx="20160" cy="73080"/>
              </p14:xfrm>
            </p:contentPart>
          </mc:Choice>
          <mc:Fallback>
            <p:pic>
              <p:nvPicPr>
                <p:cNvPr id="97" name="Ink 96">
                  <a:extLst>
                    <a:ext uri="{FF2B5EF4-FFF2-40B4-BE49-F238E27FC236}">
                      <a16:creationId xmlns:a16="http://schemas.microsoft.com/office/drawing/2014/main" id="{35D7553B-32DB-FF48-9C47-379446074EA7}"/>
                    </a:ext>
                  </a:extLst>
                </p:cNvPr>
                <p:cNvPicPr/>
                <p:nvPr/>
              </p:nvPicPr>
              <p:blipFill>
                <a:blip r:embed="rId321"/>
                <a:stretch>
                  <a:fillRect/>
                </a:stretch>
              </p:blipFill>
              <p:spPr>
                <a:xfrm>
                  <a:off x="9736487" y="3964426"/>
                  <a:ext cx="35280" cy="88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22">
              <p14:nvContentPartPr>
                <p14:cNvPr id="99" name="Ink 98">
                  <a:extLst>
                    <a:ext uri="{FF2B5EF4-FFF2-40B4-BE49-F238E27FC236}">
                      <a16:creationId xmlns:a16="http://schemas.microsoft.com/office/drawing/2014/main" id="{53DB1B8A-4C38-554D-A70E-FBBCC6F86FD1}"/>
                    </a:ext>
                  </a:extLst>
                </p14:cNvPr>
                <p14:cNvContentPartPr/>
                <p14:nvPr/>
              </p14:nvContentPartPr>
              <p14:xfrm>
                <a:off x="9856007" y="3908986"/>
                <a:ext cx="132120" cy="206640"/>
              </p14:xfrm>
            </p:contentPart>
          </mc:Choice>
          <mc:Fallback>
            <p:pic>
              <p:nvPicPr>
                <p:cNvPr id="99" name="Ink 98">
                  <a:extLst>
                    <a:ext uri="{FF2B5EF4-FFF2-40B4-BE49-F238E27FC236}">
                      <a16:creationId xmlns:a16="http://schemas.microsoft.com/office/drawing/2014/main" id="{53DB1B8A-4C38-554D-A70E-FBBCC6F86FD1}"/>
                    </a:ext>
                  </a:extLst>
                </p:cNvPr>
                <p:cNvPicPr/>
                <p:nvPr/>
              </p:nvPicPr>
              <p:blipFill>
                <a:blip r:embed="rId323"/>
                <a:stretch>
                  <a:fillRect/>
                </a:stretch>
              </p:blipFill>
              <p:spPr>
                <a:xfrm>
                  <a:off x="9848447" y="3901413"/>
                  <a:ext cx="147240" cy="221786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24">
              <p14:nvContentPartPr>
                <p14:cNvPr id="100" name="Ink 99">
                  <a:extLst>
                    <a:ext uri="{FF2B5EF4-FFF2-40B4-BE49-F238E27FC236}">
                      <a16:creationId xmlns:a16="http://schemas.microsoft.com/office/drawing/2014/main" id="{58182C9F-B5B6-064D-8495-E832AE004BFD}"/>
                    </a:ext>
                  </a:extLst>
                </p14:cNvPr>
                <p14:cNvContentPartPr/>
                <p14:nvPr/>
              </p14:nvContentPartPr>
              <p14:xfrm>
                <a:off x="10017287" y="4020946"/>
                <a:ext cx="2160" cy="67320"/>
              </p14:xfrm>
            </p:contentPart>
          </mc:Choice>
          <mc:Fallback>
            <p:pic>
              <p:nvPicPr>
                <p:cNvPr id="100" name="Ink 99">
                  <a:extLst>
                    <a:ext uri="{FF2B5EF4-FFF2-40B4-BE49-F238E27FC236}">
                      <a16:creationId xmlns:a16="http://schemas.microsoft.com/office/drawing/2014/main" id="{58182C9F-B5B6-064D-8495-E832AE004BFD}"/>
                    </a:ext>
                  </a:extLst>
                </p:cNvPr>
                <p:cNvPicPr/>
                <p:nvPr/>
              </p:nvPicPr>
              <p:blipFill>
                <a:blip r:embed="rId325"/>
                <a:stretch>
                  <a:fillRect/>
                </a:stretch>
              </p:blipFill>
              <p:spPr>
                <a:xfrm>
                  <a:off x="10009727" y="4013345"/>
                  <a:ext cx="17280" cy="82521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26">
              <p14:nvContentPartPr>
                <p14:cNvPr id="101" name="Ink 100">
                  <a:extLst>
                    <a:ext uri="{FF2B5EF4-FFF2-40B4-BE49-F238E27FC236}">
                      <a16:creationId xmlns:a16="http://schemas.microsoft.com/office/drawing/2014/main" id="{8ECAA3A2-5DB6-0E45-97ED-2FEBC4B78000}"/>
                    </a:ext>
                  </a:extLst>
                </p14:cNvPr>
                <p14:cNvContentPartPr/>
                <p14:nvPr/>
              </p14:nvContentPartPr>
              <p14:xfrm>
                <a:off x="9999647" y="3975586"/>
                <a:ext cx="31680" cy="12240"/>
              </p14:xfrm>
            </p:contentPart>
          </mc:Choice>
          <mc:Fallback>
            <p:pic>
              <p:nvPicPr>
                <p:cNvPr id="101" name="Ink 100">
                  <a:extLst>
                    <a:ext uri="{FF2B5EF4-FFF2-40B4-BE49-F238E27FC236}">
                      <a16:creationId xmlns:a16="http://schemas.microsoft.com/office/drawing/2014/main" id="{8ECAA3A2-5DB6-0E45-97ED-2FEBC4B78000}"/>
                    </a:ext>
                  </a:extLst>
                </p:cNvPr>
                <p:cNvPicPr/>
                <p:nvPr/>
              </p:nvPicPr>
              <p:blipFill>
                <a:blip r:embed="rId327"/>
                <a:stretch>
                  <a:fillRect/>
                </a:stretch>
              </p:blipFill>
              <p:spPr>
                <a:xfrm>
                  <a:off x="9992087" y="3968026"/>
                  <a:ext cx="46800" cy="273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28">
              <p14:nvContentPartPr>
                <p14:cNvPr id="102" name="Ink 101">
                  <a:extLst>
                    <a:ext uri="{FF2B5EF4-FFF2-40B4-BE49-F238E27FC236}">
                      <a16:creationId xmlns:a16="http://schemas.microsoft.com/office/drawing/2014/main" id="{99D9F516-5174-7347-8EA0-58B1508740C2}"/>
                    </a:ext>
                  </a:extLst>
                </p14:cNvPr>
                <p14:cNvContentPartPr/>
                <p14:nvPr/>
              </p14:nvContentPartPr>
              <p14:xfrm>
                <a:off x="10064447" y="3930586"/>
                <a:ext cx="208800" cy="163440"/>
              </p14:xfrm>
            </p:contentPart>
          </mc:Choice>
          <mc:Fallback>
            <p:pic>
              <p:nvPicPr>
                <p:cNvPr id="102" name="Ink 101">
                  <a:extLst>
                    <a:ext uri="{FF2B5EF4-FFF2-40B4-BE49-F238E27FC236}">
                      <a16:creationId xmlns:a16="http://schemas.microsoft.com/office/drawing/2014/main" id="{99D9F516-5174-7347-8EA0-58B1508740C2}"/>
                    </a:ext>
                  </a:extLst>
                </p:cNvPr>
                <p:cNvPicPr/>
                <p:nvPr/>
              </p:nvPicPr>
              <p:blipFill>
                <a:blip r:embed="rId329"/>
                <a:stretch>
                  <a:fillRect/>
                </a:stretch>
              </p:blipFill>
              <p:spPr>
                <a:xfrm>
                  <a:off x="10056887" y="3923026"/>
                  <a:ext cx="223920" cy="178560"/>
                </a:xfrm>
                <a:prstGeom prst="rect">
                  <a:avLst/>
                </a:prstGeom>
              </p:spPr>
            </p:pic>
          </mc:Fallback>
        </mc:AlternateContent>
      </p:grpSp>
      <p:grpSp>
        <p:nvGrpSpPr>
          <p:cNvPr id="227" name="Group 226">
            <a:extLst>
              <a:ext uri="{FF2B5EF4-FFF2-40B4-BE49-F238E27FC236}">
                <a16:creationId xmlns:a16="http://schemas.microsoft.com/office/drawing/2014/main" id="{06EB821F-7010-5C4E-8A31-E6AA60735E25}"/>
              </a:ext>
            </a:extLst>
          </p:cNvPr>
          <p:cNvGrpSpPr/>
          <p:nvPr/>
        </p:nvGrpSpPr>
        <p:grpSpPr>
          <a:xfrm>
            <a:off x="10416887" y="3926626"/>
            <a:ext cx="755640" cy="334080"/>
            <a:chOff x="10416887" y="3926626"/>
            <a:chExt cx="755640" cy="334080"/>
          </a:xfrm>
        </p:grpSpPr>
        <mc:AlternateContent xmlns:mc="http://schemas.openxmlformats.org/markup-compatibility/2006">
          <mc:Choice xmlns:p14="http://schemas.microsoft.com/office/powerpoint/2010/main" Requires="p14">
            <p:contentPart p14:bwMode="auto" r:id="rId330">
              <p14:nvContentPartPr>
                <p14:cNvPr id="135" name="Ink 134">
                  <a:extLst>
                    <a:ext uri="{FF2B5EF4-FFF2-40B4-BE49-F238E27FC236}">
                      <a16:creationId xmlns:a16="http://schemas.microsoft.com/office/drawing/2014/main" id="{E7F8B697-46E2-9441-820E-494741CAD0BD}"/>
                    </a:ext>
                  </a:extLst>
                </p14:cNvPr>
                <p14:cNvContentPartPr/>
                <p14:nvPr/>
              </p14:nvContentPartPr>
              <p14:xfrm>
                <a:off x="10416887" y="3926626"/>
                <a:ext cx="94680" cy="167400"/>
              </p14:xfrm>
            </p:contentPart>
          </mc:Choice>
          <mc:Fallback>
            <p:pic>
              <p:nvPicPr>
                <p:cNvPr id="135" name="Ink 134">
                  <a:extLst>
                    <a:ext uri="{FF2B5EF4-FFF2-40B4-BE49-F238E27FC236}">
                      <a16:creationId xmlns:a16="http://schemas.microsoft.com/office/drawing/2014/main" id="{E7F8B697-46E2-9441-820E-494741CAD0BD}"/>
                    </a:ext>
                  </a:extLst>
                </p:cNvPr>
                <p:cNvPicPr/>
                <p:nvPr/>
              </p:nvPicPr>
              <p:blipFill>
                <a:blip r:embed="rId331"/>
                <a:stretch>
                  <a:fillRect/>
                </a:stretch>
              </p:blipFill>
              <p:spPr>
                <a:xfrm>
                  <a:off x="10409327" y="3919066"/>
                  <a:ext cx="109800" cy="1825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32">
              <p14:nvContentPartPr>
                <p14:cNvPr id="138" name="Ink 137">
                  <a:extLst>
                    <a:ext uri="{FF2B5EF4-FFF2-40B4-BE49-F238E27FC236}">
                      <a16:creationId xmlns:a16="http://schemas.microsoft.com/office/drawing/2014/main" id="{A552E207-CD73-974E-8C78-246A56AD944A}"/>
                    </a:ext>
                  </a:extLst>
                </p14:cNvPr>
                <p14:cNvContentPartPr/>
                <p14:nvPr/>
              </p14:nvContentPartPr>
              <p14:xfrm>
                <a:off x="10416887" y="3940306"/>
                <a:ext cx="102600" cy="8280"/>
              </p14:xfrm>
            </p:contentPart>
          </mc:Choice>
          <mc:Fallback>
            <p:pic>
              <p:nvPicPr>
                <p:cNvPr id="138" name="Ink 137">
                  <a:extLst>
                    <a:ext uri="{FF2B5EF4-FFF2-40B4-BE49-F238E27FC236}">
                      <a16:creationId xmlns:a16="http://schemas.microsoft.com/office/drawing/2014/main" id="{A552E207-CD73-974E-8C78-246A56AD944A}"/>
                    </a:ext>
                  </a:extLst>
                </p:cNvPr>
                <p:cNvPicPr/>
                <p:nvPr/>
              </p:nvPicPr>
              <p:blipFill>
                <a:blip r:embed="rId333"/>
                <a:stretch>
                  <a:fillRect/>
                </a:stretch>
              </p:blipFill>
              <p:spPr>
                <a:xfrm>
                  <a:off x="10409327" y="3932402"/>
                  <a:ext cx="117720" cy="24087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34">
              <p14:nvContentPartPr>
                <p14:cNvPr id="143" name="Ink 142">
                  <a:extLst>
                    <a:ext uri="{FF2B5EF4-FFF2-40B4-BE49-F238E27FC236}">
                      <a16:creationId xmlns:a16="http://schemas.microsoft.com/office/drawing/2014/main" id="{BB32BF90-B409-494F-BBBD-B32B3B2C0A01}"/>
                    </a:ext>
                  </a:extLst>
                </p14:cNvPr>
                <p14:cNvContentPartPr/>
                <p14:nvPr/>
              </p14:nvContentPartPr>
              <p14:xfrm>
                <a:off x="10418687" y="3993586"/>
                <a:ext cx="94680" cy="16200"/>
              </p14:xfrm>
            </p:contentPart>
          </mc:Choice>
          <mc:Fallback>
            <p:pic>
              <p:nvPicPr>
                <p:cNvPr id="143" name="Ink 142">
                  <a:extLst>
                    <a:ext uri="{FF2B5EF4-FFF2-40B4-BE49-F238E27FC236}">
                      <a16:creationId xmlns:a16="http://schemas.microsoft.com/office/drawing/2014/main" id="{BB32BF90-B409-494F-BBBD-B32B3B2C0A01}"/>
                    </a:ext>
                  </a:extLst>
                </p:cNvPr>
                <p:cNvPicPr/>
                <p:nvPr/>
              </p:nvPicPr>
              <p:blipFill>
                <a:blip r:embed="rId335"/>
                <a:stretch>
                  <a:fillRect/>
                </a:stretch>
              </p:blipFill>
              <p:spPr>
                <a:xfrm>
                  <a:off x="10411127" y="3986026"/>
                  <a:ext cx="109800" cy="313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36">
              <p14:nvContentPartPr>
                <p14:cNvPr id="165" name="Ink 164">
                  <a:extLst>
                    <a:ext uri="{FF2B5EF4-FFF2-40B4-BE49-F238E27FC236}">
                      <a16:creationId xmlns:a16="http://schemas.microsoft.com/office/drawing/2014/main" id="{7295E55E-A4D9-BB45-BFEF-D5D3F6FFE7C6}"/>
                    </a:ext>
                  </a:extLst>
                </p14:cNvPr>
                <p14:cNvContentPartPr/>
                <p14:nvPr/>
              </p14:nvContentPartPr>
              <p14:xfrm>
                <a:off x="10548647" y="4011226"/>
                <a:ext cx="73080" cy="73080"/>
              </p14:xfrm>
            </p:contentPart>
          </mc:Choice>
          <mc:Fallback>
            <p:pic>
              <p:nvPicPr>
                <p:cNvPr id="165" name="Ink 164">
                  <a:extLst>
                    <a:ext uri="{FF2B5EF4-FFF2-40B4-BE49-F238E27FC236}">
                      <a16:creationId xmlns:a16="http://schemas.microsoft.com/office/drawing/2014/main" id="{7295E55E-A4D9-BB45-BFEF-D5D3F6FFE7C6}"/>
                    </a:ext>
                  </a:extLst>
                </p:cNvPr>
                <p:cNvPicPr/>
                <p:nvPr/>
              </p:nvPicPr>
              <p:blipFill>
                <a:blip r:embed="rId337"/>
                <a:stretch>
                  <a:fillRect/>
                </a:stretch>
              </p:blipFill>
              <p:spPr>
                <a:xfrm>
                  <a:off x="10541087" y="4003703"/>
                  <a:ext cx="88200" cy="88126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38">
              <p14:nvContentPartPr>
                <p14:cNvPr id="192" name="Ink 191">
                  <a:extLst>
                    <a:ext uri="{FF2B5EF4-FFF2-40B4-BE49-F238E27FC236}">
                      <a16:creationId xmlns:a16="http://schemas.microsoft.com/office/drawing/2014/main" id="{B08F0A0C-FBA2-AA4A-9CD4-44F7E300CE96}"/>
                    </a:ext>
                  </a:extLst>
                </p14:cNvPr>
                <p14:cNvContentPartPr/>
                <p14:nvPr/>
              </p14:nvContentPartPr>
              <p14:xfrm>
                <a:off x="10635047" y="4013026"/>
                <a:ext cx="75240" cy="77040"/>
              </p14:xfrm>
            </p:contentPart>
          </mc:Choice>
          <mc:Fallback>
            <p:pic>
              <p:nvPicPr>
                <p:cNvPr id="192" name="Ink 191">
                  <a:extLst>
                    <a:ext uri="{FF2B5EF4-FFF2-40B4-BE49-F238E27FC236}">
                      <a16:creationId xmlns:a16="http://schemas.microsoft.com/office/drawing/2014/main" id="{B08F0A0C-FBA2-AA4A-9CD4-44F7E300CE96}"/>
                    </a:ext>
                  </a:extLst>
                </p:cNvPr>
                <p:cNvPicPr/>
                <p:nvPr/>
              </p:nvPicPr>
              <p:blipFill>
                <a:blip r:embed="rId339"/>
                <a:stretch>
                  <a:fillRect/>
                </a:stretch>
              </p:blipFill>
              <p:spPr>
                <a:xfrm>
                  <a:off x="10627451" y="4005466"/>
                  <a:ext cx="90433" cy="921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40">
              <p14:nvContentPartPr>
                <p14:cNvPr id="193" name="Ink 192">
                  <a:extLst>
                    <a:ext uri="{FF2B5EF4-FFF2-40B4-BE49-F238E27FC236}">
                      <a16:creationId xmlns:a16="http://schemas.microsoft.com/office/drawing/2014/main" id="{B323F2C9-457C-4641-8D54-8271E53EC989}"/>
                    </a:ext>
                  </a:extLst>
                </p14:cNvPr>
                <p14:cNvContentPartPr/>
                <p14:nvPr/>
              </p14:nvContentPartPr>
              <p14:xfrm>
                <a:off x="10727927" y="4016986"/>
                <a:ext cx="66960" cy="70920"/>
              </p14:xfrm>
            </p:contentPart>
          </mc:Choice>
          <mc:Fallback>
            <p:pic>
              <p:nvPicPr>
                <p:cNvPr id="193" name="Ink 192">
                  <a:extLst>
                    <a:ext uri="{FF2B5EF4-FFF2-40B4-BE49-F238E27FC236}">
                      <a16:creationId xmlns:a16="http://schemas.microsoft.com/office/drawing/2014/main" id="{B323F2C9-457C-4641-8D54-8271E53EC989}"/>
                    </a:ext>
                  </a:extLst>
                </p:cNvPr>
                <p:cNvPicPr/>
                <p:nvPr/>
              </p:nvPicPr>
              <p:blipFill>
                <a:blip r:embed="rId341"/>
                <a:stretch>
                  <a:fillRect/>
                </a:stretch>
              </p:blipFill>
              <p:spPr>
                <a:xfrm>
                  <a:off x="10720367" y="4009426"/>
                  <a:ext cx="82080" cy="860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42">
              <p14:nvContentPartPr>
                <p14:cNvPr id="199" name="Ink 198">
                  <a:extLst>
                    <a:ext uri="{FF2B5EF4-FFF2-40B4-BE49-F238E27FC236}">
                      <a16:creationId xmlns:a16="http://schemas.microsoft.com/office/drawing/2014/main" id="{AB538D91-533E-504C-AD31-F869012B9E8C}"/>
                    </a:ext>
                  </a:extLst>
                </p14:cNvPr>
                <p14:cNvContentPartPr/>
                <p14:nvPr/>
              </p14:nvContentPartPr>
              <p14:xfrm>
                <a:off x="10812167" y="3948226"/>
                <a:ext cx="132120" cy="137880"/>
              </p14:xfrm>
            </p:contentPart>
          </mc:Choice>
          <mc:Fallback>
            <p:pic>
              <p:nvPicPr>
                <p:cNvPr id="199" name="Ink 198">
                  <a:extLst>
                    <a:ext uri="{FF2B5EF4-FFF2-40B4-BE49-F238E27FC236}">
                      <a16:creationId xmlns:a16="http://schemas.microsoft.com/office/drawing/2014/main" id="{AB538D91-533E-504C-AD31-F869012B9E8C}"/>
                    </a:ext>
                  </a:extLst>
                </p:cNvPr>
                <p:cNvPicPr/>
                <p:nvPr/>
              </p:nvPicPr>
              <p:blipFill>
                <a:blip r:embed="rId343"/>
                <a:stretch>
                  <a:fillRect/>
                </a:stretch>
              </p:blipFill>
              <p:spPr>
                <a:xfrm>
                  <a:off x="10804607" y="3940666"/>
                  <a:ext cx="147240" cy="1530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44">
              <p14:nvContentPartPr>
                <p14:cNvPr id="209" name="Ink 208">
                  <a:extLst>
                    <a:ext uri="{FF2B5EF4-FFF2-40B4-BE49-F238E27FC236}">
                      <a16:creationId xmlns:a16="http://schemas.microsoft.com/office/drawing/2014/main" id="{812B55E7-1D7C-9348-8548-D21E5BBF5AB1}"/>
                    </a:ext>
                  </a:extLst>
                </p14:cNvPr>
                <p14:cNvContentPartPr/>
                <p14:nvPr/>
              </p14:nvContentPartPr>
              <p14:xfrm>
                <a:off x="10950047" y="4029586"/>
                <a:ext cx="18000" cy="38880"/>
              </p14:xfrm>
            </p:contentPart>
          </mc:Choice>
          <mc:Fallback>
            <p:pic>
              <p:nvPicPr>
                <p:cNvPr id="209" name="Ink 208">
                  <a:extLst>
                    <a:ext uri="{FF2B5EF4-FFF2-40B4-BE49-F238E27FC236}">
                      <a16:creationId xmlns:a16="http://schemas.microsoft.com/office/drawing/2014/main" id="{812B55E7-1D7C-9348-8548-D21E5BBF5AB1}"/>
                    </a:ext>
                  </a:extLst>
                </p:cNvPr>
                <p:cNvPicPr/>
                <p:nvPr/>
              </p:nvPicPr>
              <p:blipFill>
                <a:blip r:embed="rId345"/>
                <a:stretch>
                  <a:fillRect/>
                </a:stretch>
              </p:blipFill>
              <p:spPr>
                <a:xfrm>
                  <a:off x="10942487" y="4022026"/>
                  <a:ext cx="33120" cy="540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46">
              <p14:nvContentPartPr>
                <p14:cNvPr id="223" name="Ink 222">
                  <a:extLst>
                    <a:ext uri="{FF2B5EF4-FFF2-40B4-BE49-F238E27FC236}">
                      <a16:creationId xmlns:a16="http://schemas.microsoft.com/office/drawing/2014/main" id="{2A8F1966-95FF-DB49-9CE8-D6755C1CCF22}"/>
                    </a:ext>
                  </a:extLst>
                </p14:cNvPr>
                <p14:cNvContentPartPr/>
                <p14:nvPr/>
              </p14:nvContentPartPr>
              <p14:xfrm>
                <a:off x="10938167" y="3983866"/>
                <a:ext cx="20160" cy="11880"/>
              </p14:xfrm>
            </p:contentPart>
          </mc:Choice>
          <mc:Fallback>
            <p:pic>
              <p:nvPicPr>
                <p:cNvPr id="223" name="Ink 222">
                  <a:extLst>
                    <a:ext uri="{FF2B5EF4-FFF2-40B4-BE49-F238E27FC236}">
                      <a16:creationId xmlns:a16="http://schemas.microsoft.com/office/drawing/2014/main" id="{2A8F1966-95FF-DB49-9CE8-D6755C1CCF22}"/>
                    </a:ext>
                  </a:extLst>
                </p:cNvPr>
                <p:cNvPicPr/>
                <p:nvPr/>
              </p:nvPicPr>
              <p:blipFill>
                <a:blip r:embed="rId347"/>
                <a:stretch>
                  <a:fillRect/>
                </a:stretch>
              </p:blipFill>
              <p:spPr>
                <a:xfrm>
                  <a:off x="10930607" y="3976528"/>
                  <a:ext cx="35280" cy="26555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48">
              <p14:nvContentPartPr>
                <p14:cNvPr id="224" name="Ink 223">
                  <a:extLst>
                    <a:ext uri="{FF2B5EF4-FFF2-40B4-BE49-F238E27FC236}">
                      <a16:creationId xmlns:a16="http://schemas.microsoft.com/office/drawing/2014/main" id="{4262A13D-4AB9-584F-97CF-F44F4B86B742}"/>
                    </a:ext>
                  </a:extLst>
                </p14:cNvPr>
                <p14:cNvContentPartPr/>
                <p14:nvPr/>
              </p14:nvContentPartPr>
              <p14:xfrm>
                <a:off x="11009087" y="4008346"/>
                <a:ext cx="59400" cy="52200"/>
              </p14:xfrm>
            </p:contentPart>
          </mc:Choice>
          <mc:Fallback>
            <p:pic>
              <p:nvPicPr>
                <p:cNvPr id="224" name="Ink 223">
                  <a:extLst>
                    <a:ext uri="{FF2B5EF4-FFF2-40B4-BE49-F238E27FC236}">
                      <a16:creationId xmlns:a16="http://schemas.microsoft.com/office/drawing/2014/main" id="{4262A13D-4AB9-584F-97CF-F44F4B86B742}"/>
                    </a:ext>
                  </a:extLst>
                </p:cNvPr>
                <p:cNvPicPr/>
                <p:nvPr/>
              </p:nvPicPr>
              <p:blipFill>
                <a:blip r:embed="rId349"/>
                <a:stretch>
                  <a:fillRect/>
                </a:stretch>
              </p:blipFill>
              <p:spPr>
                <a:xfrm>
                  <a:off x="11001527" y="4000786"/>
                  <a:ext cx="74520" cy="6732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>
          <mc:Choice xmlns:p14="http://schemas.microsoft.com/office/powerpoint/2010/main" Requires="p14">
            <p:contentPart p14:bwMode="auto" r:id="rId350">
              <p14:nvContentPartPr>
                <p14:cNvPr id="226" name="Ink 225">
                  <a:extLst>
                    <a:ext uri="{FF2B5EF4-FFF2-40B4-BE49-F238E27FC236}">
                      <a16:creationId xmlns:a16="http://schemas.microsoft.com/office/drawing/2014/main" id="{E2DFC8B2-7325-0645-B435-3213AF7D736D}"/>
                    </a:ext>
                  </a:extLst>
                </p14:cNvPr>
                <p14:cNvContentPartPr/>
                <p14:nvPr/>
              </p14:nvContentPartPr>
              <p14:xfrm>
                <a:off x="10973447" y="4013026"/>
                <a:ext cx="199080" cy="247680"/>
              </p14:xfrm>
            </p:contentPart>
          </mc:Choice>
          <mc:Fallback>
            <p:pic>
              <p:nvPicPr>
                <p:cNvPr id="226" name="Ink 225">
                  <a:extLst>
                    <a:ext uri="{FF2B5EF4-FFF2-40B4-BE49-F238E27FC236}">
                      <a16:creationId xmlns:a16="http://schemas.microsoft.com/office/drawing/2014/main" id="{E2DFC8B2-7325-0645-B435-3213AF7D736D}"/>
                    </a:ext>
                  </a:extLst>
                </p:cNvPr>
                <p:cNvPicPr/>
                <p:nvPr/>
              </p:nvPicPr>
              <p:blipFill>
                <a:blip r:embed="rId351"/>
                <a:stretch>
                  <a:fillRect/>
                </a:stretch>
              </p:blipFill>
              <p:spPr>
                <a:xfrm>
                  <a:off x="10965887" y="4005466"/>
                  <a:ext cx="214200" cy="262800"/>
                </a:xfrm>
                <a:prstGeom prst="rect">
                  <a:avLst/>
                </a:prstGeom>
              </p:spPr>
            </p:pic>
          </mc:Fallback>
        </mc:AlternateContent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8621744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cop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r>
              <a:rPr lang="en-US" sz="1800"/>
              <a:t>Network impairments</a:t>
            </a:r>
          </a:p>
          <a:p>
            <a:pPr lvl="2"/>
            <a:r>
              <a:rPr lang="en-US" sz="1800"/>
              <a:t>”Manually” limiting bandwidth and adding static delay</a:t>
            </a:r>
          </a:p>
          <a:p>
            <a:pPr lvl="2"/>
            <a:r>
              <a:rPr lang="en-US" sz="1800"/>
              <a:t>Introducing random packet delays and jitter</a:t>
            </a:r>
          </a:p>
          <a:p>
            <a:pPr lvl="2"/>
            <a:r>
              <a:rPr lang="en-US" sz="1800"/>
              <a:t>Random patterns based on real networks, both cellular and wire</a:t>
            </a:r>
          </a:p>
          <a:p>
            <a:r>
              <a:rPr lang="en-US" sz="1800"/>
              <a:t>Rendering service will match bandwidth availability with resolution and compression rates. </a:t>
            </a:r>
          </a:p>
          <a:p>
            <a:r>
              <a:rPr lang="en-US" sz="1800"/>
              <a:t>Game titles</a:t>
            </a:r>
          </a:p>
          <a:p>
            <a:pPr lvl="2"/>
            <a:r>
              <a:rPr lang="en-US" sz="1800"/>
              <a:t>Titles that cover both high and low degree of interactivity, but also high and low demands on the video codec</a:t>
            </a:r>
          </a:p>
          <a:p>
            <a:r>
              <a:rPr lang="en-US" sz="1800"/>
              <a:t>Input devices</a:t>
            </a:r>
          </a:p>
          <a:p>
            <a:pPr lvl="2"/>
            <a:r>
              <a:rPr lang="en-US" sz="1800"/>
              <a:t>Keyboard and mouse first</a:t>
            </a:r>
          </a:p>
          <a:p>
            <a:pPr lvl="2"/>
            <a:r>
              <a:rPr lang="en-US" sz="1800"/>
              <a:t>Controller and touch screen in the second round of testing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710854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Test parameters - overal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r>
              <a:rPr lang="en-US"/>
              <a:t>90 s test condition/sequence duration</a:t>
            </a:r>
          </a:p>
          <a:p>
            <a:pPr lvl="2"/>
            <a:r>
              <a:rPr lang="en-US"/>
              <a:t>Compromise of trying to fit in as many conditions in one session, while still being able to assess all the interesting dimensions in each sequence</a:t>
            </a:r>
          </a:p>
          <a:p>
            <a:r>
              <a:rPr lang="en-US"/>
              <a:t>1 game per subject</a:t>
            </a:r>
          </a:p>
          <a:p>
            <a:pPr lvl="2"/>
            <a:r>
              <a:rPr lang="en-US"/>
              <a:t>Reducing overhead to switch games</a:t>
            </a:r>
          </a:p>
          <a:p>
            <a:r>
              <a:rPr lang="en-US"/>
              <a:t>24+ scores per condition and game, after screening</a:t>
            </a:r>
          </a:p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853795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F276AC-35BA-404C-AF84-F93352FE06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SE"/>
              <a:t>Test parameters -</a:t>
            </a:r>
            <a:br>
              <a:rPr lang="en-SE"/>
            </a:br>
            <a:r>
              <a:rPr lang="en-SE"/>
              <a:t>Subjective quality dimens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A26586-0A0E-EC42-9A9F-79B735E3B7D0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pPr algn="l" rtl="0" fontAlgn="base">
              <a:buFont typeface="Arial" panose="020B0604020202020204" pitchFamily="34" charset="0"/>
              <a:buChar char="•"/>
            </a:pPr>
            <a:r>
              <a:rPr lang="en-US" sz="1800" b="0" i="0" u="none" strike="noStrike">
                <a:effectLst/>
              </a:rPr>
              <a:t>Overall gaming experience, video quality, and audio according to ITU-T Rec. P.809 </a:t>
            </a:r>
          </a:p>
          <a:p>
            <a:pPr algn="l" rtl="0" fontAlgn="base">
              <a:buFont typeface="Arial" panose="020B0604020202020204" pitchFamily="34" charset="0"/>
              <a:buChar char="•"/>
            </a:pPr>
            <a:r>
              <a:rPr lang="en-US" sz="1800" b="0" i="0" u="none" strike="noStrike">
                <a:effectLst/>
              </a:rPr>
              <a:t>Smoothness of video</a:t>
            </a:r>
          </a:p>
          <a:p>
            <a:pPr algn="l" rtl="0" fontAlgn="base">
              <a:buFont typeface="Arial" panose="020B0604020202020204" pitchFamily="34" charset="0"/>
              <a:buChar char="•"/>
            </a:pPr>
            <a:r>
              <a:rPr lang="en-US" sz="1800" b="0" i="0" u="none" strike="noStrike">
                <a:effectLst/>
              </a:rPr>
              <a:t>Input quality (consisting of reactiveness, controllability, immediate feedback) using GIPS [b-Schmidt2021] </a:t>
            </a:r>
          </a:p>
          <a:p>
            <a:pPr algn="l" rtl="0" fontAlgn="base">
              <a:buFont typeface="Arial" panose="020B0604020202020204" pitchFamily="34" charset="0"/>
              <a:buChar char="•"/>
            </a:pPr>
            <a:r>
              <a:rPr lang="en-US" sz="1800" b="0" i="0" u="none" strike="noStrike">
                <a:effectLst/>
              </a:rPr>
              <a:t>Player Experience (reduced items of GEQ only including immersion, positive and negative player experience) as shown in [b-Schmidt2021]) </a:t>
            </a:r>
          </a:p>
          <a:p>
            <a:pPr algn="l" rtl="0" fontAlgn="base">
              <a:buFont typeface="Arial" panose="020B0604020202020204" pitchFamily="34" charset="0"/>
              <a:buChar char="•"/>
            </a:pPr>
            <a:r>
              <a:rPr lang="en-US" sz="1800" b="0" i="0" u="none" strike="noStrike">
                <a:effectLst/>
              </a:rPr>
              <a:t>Player performance and acceptability according to ITU-T C.293 </a:t>
            </a:r>
          </a:p>
          <a:p>
            <a:endParaRPr lang="en-SE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E17C038-8708-944F-A6F7-60AE6A525E06}"/>
              </a:ext>
            </a:extLst>
          </p:cNvPr>
          <p:cNvSpPr txBox="1"/>
          <p:nvPr/>
        </p:nvSpPr>
        <p:spPr>
          <a:xfrm>
            <a:off x="1759527" y="5749636"/>
            <a:ext cx="0" cy="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SE" sz="2000" b="0" i="0" u="none" strike="noStrike" kern="1000" cap="none" spc="-30" normalizeH="0" baseline="0" noProof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885E71A-EB18-F94C-A27F-EAFA822B962E}"/>
              </a:ext>
            </a:extLst>
          </p:cNvPr>
          <p:cNvSpPr txBox="1"/>
          <p:nvPr/>
        </p:nvSpPr>
        <p:spPr>
          <a:xfrm>
            <a:off x="479425" y="6237287"/>
            <a:ext cx="6747164" cy="553315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GB" sz="1200" b="0" i="0" u="none" strike="noStrike">
                <a:effectLst/>
                <a:latin typeface="Times New Roman" panose="02020603050405020304" pitchFamily="18" charset="0"/>
              </a:rPr>
              <a:t>[b-Schmidt2021] S. Schmidt, “Assessing the Quality of Experience of Cloud Gaming Services”, </a:t>
            </a:r>
            <a:br>
              <a:rPr lang="en-GB" sz="1200" b="0" i="0" u="none" strike="noStrike">
                <a:effectLst/>
                <a:latin typeface="Times New Roman" panose="02020603050405020304" pitchFamily="18" charset="0"/>
              </a:rPr>
            </a:br>
            <a:r>
              <a:rPr lang="en-GB" sz="1200" b="0" i="0" u="none" strike="noStrike">
                <a:effectLst/>
                <a:latin typeface="Times New Roman" panose="02020603050405020304" pitchFamily="18" charset="0"/>
              </a:rPr>
              <a:t>Ph.D. dissertation, submitted, </a:t>
            </a:r>
            <a:r>
              <a:rPr lang="en-GB" sz="1200" b="0" i="0" u="none" strike="noStrike" err="1">
                <a:solidFill>
                  <a:srgbClr val="000000"/>
                </a:solidFill>
                <a:effectLst/>
                <a:latin typeface="Times New Roman" panose="02020603050405020304" pitchFamily="18" charset="0"/>
              </a:rPr>
              <a:t>Technische</a:t>
            </a:r>
            <a:r>
              <a:rPr lang="en-GB" sz="1200" b="0" i="0" u="none" strike="noStrike">
                <a:effectLst/>
                <a:latin typeface="Times New Roman" panose="02020603050405020304" pitchFamily="18" charset="0"/>
              </a:rPr>
              <a:t> Universität Berlin, 2021. </a:t>
            </a:r>
            <a:endParaRPr kumimoji="0" lang="en-SE" sz="1200" b="0" i="0" u="none" strike="noStrike" kern="1000" cap="none" spc="-30" normalizeH="0" baseline="0" noProof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F8752034-879B-CD43-933E-3B18E4C6728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241963" y="4808398"/>
            <a:ext cx="5708073" cy="8993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24374238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A78A56-676E-D74D-BAA3-F0AFD0CD1A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SE"/>
              <a:t>Requirements test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BD11AD5-9C92-9A4F-9FF9-752B8498E477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r>
              <a:rPr lang="en-SE"/>
              <a:t>Lab (both interactive and passive)</a:t>
            </a:r>
          </a:p>
          <a:p>
            <a:pPr lvl="1"/>
            <a:r>
              <a:rPr lang="en-SE"/>
              <a:t>Self assessed sufficient gaming experience</a:t>
            </a:r>
          </a:p>
          <a:p>
            <a:pPr lvl="1"/>
            <a:r>
              <a:rPr lang="en-SE"/>
              <a:t>Snellen test for visual acuity </a:t>
            </a:r>
          </a:p>
          <a:p>
            <a:pPr lvl="1"/>
            <a:r>
              <a:rPr lang="en-SE"/>
              <a:t>Testing for normal hearing</a:t>
            </a:r>
          </a:p>
          <a:p>
            <a:endParaRPr lang="en-SE"/>
          </a:p>
          <a:p>
            <a:r>
              <a:rPr lang="en-SE"/>
              <a:t>Crowd (passive)</a:t>
            </a:r>
          </a:p>
          <a:p>
            <a:pPr lvl="1"/>
            <a:r>
              <a:rPr lang="en-SE"/>
              <a:t>Do they really have the equipment they say? </a:t>
            </a:r>
          </a:p>
          <a:p>
            <a:pPr lvl="2"/>
            <a:r>
              <a:rPr lang="en-SE"/>
              <a:t>Test-images (DCR test for resolution, contrast sensitivity etc)</a:t>
            </a:r>
          </a:p>
          <a:p>
            <a:pPr lvl="2"/>
            <a:r>
              <a:rPr lang="en-SE"/>
              <a:t>”Non-value-charged” questions (not “can you see the difference”, but rather “is the image green or red”)</a:t>
            </a:r>
          </a:p>
        </p:txBody>
      </p:sp>
    </p:spTree>
    <p:extLst>
      <p:ext uri="{BB962C8B-B14F-4D97-AF65-F5344CB8AC3E}">
        <p14:creationId xmlns:p14="http://schemas.microsoft.com/office/powerpoint/2010/main" val="206320170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r>
              <a:rPr lang="en-US"/>
              <a:t>Thank you for listening!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260122995775075","enableDocumentContentUpdater":true,"version":"1.9"}]]></TemplafySlideTemplateConfiguration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TemplateConfiguration><![CDATA[{"elementsMetadata":[{"type":"shape","id":"9e1f829e-5a7e-46be-b10e-7eb82d8215ee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VdNLGSVLn8OVOI2ngQgjbBA0tBNVnjhBl6GJxnq0KUo="},{"name":"ConfidentialityClass","value":"cT/FOwTWaPknrhRlNMh4SQ=="},{"name":"ExternalConfidentialityLabel","value":"5wlu7ZdPxHQj1W0w+yTNSg=="},{"name":"LanguageCode","value":"5wlu7ZdPxHQj1W0w+yTNSg=="},{"name":"Date","value":"LVlhpGa2QaoBzw8vfPYdAQ=="},{"name":"TemplateType","value":"5wlu7ZdPxHQj1W0w+yTNSg=="},{"name":"DocTitle","value":"5wlu7ZdPxHQj1W0w+yTNSg=="},{"name":"TotalPageNo","value":"5wlu7ZdPxHQj1W0w+yTNSg=="},{"name":"Prepared","value":"KgbObDgIYQa/PiiJAUp272m9M6BC+p3VhTWGAxppTz0="}]}]]></Templafy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260122995775075","enableDocumentContentUpdater":true,"version":"1.9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260122995775075","enableDocumentContentUpdater":true,"version":"1.9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260122995462646","enableDocumentContentUpdater":true,"version":"1.9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260122995775076","enableDocumentContentUpdater":true,"version":"1.9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260122995775075","enableDocumentContentUpdater":true,"version":"1.9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2BA7684-6BE4-4F73-B22E-30934AB379B8}">
  <ds:schemaRefs/>
</ds:datastoreItem>
</file>

<file path=customXml/itemProps10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A2258578-4028-422E-A2BB-56A6BD2305EC}">
  <ds:schemaRefs>
    <ds:schemaRef ds:uri="92e1255f-bb7b-4dc9-b051-584cc104eb44"/>
    <ds:schemaRef ds:uri="a6550eff-0fc9-443f-8e77-72cbcf778382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0/xmlns/"/>
    <ds:schemaRef ds:uri="http://www.w3.org/2001/XMLSchema"/>
  </ds:schemaRefs>
</ds:datastoreItem>
</file>

<file path=customXml/itemProps12.xml><?xml version="1.0" encoding="utf-8"?>
<ds:datastoreItem xmlns:ds="http://schemas.openxmlformats.org/officeDocument/2006/customXml" ds:itemID="{159A6ECE-BFD8-8442-BDE5-DC4EFA99BA17}">
  <ds:schemaRefs/>
</ds:datastoreItem>
</file>

<file path=customXml/itemProps13.xml><?xml version="1.0" encoding="utf-8"?>
<ds:datastoreItem xmlns:ds="http://schemas.openxmlformats.org/officeDocument/2006/customXml" ds:itemID="{56F2EE69-0CCA-4F48-BE22-EC4A886C57A7}">
  <ds:schemaRefs>
    <ds:schemaRef ds:uri="http://schemas.microsoft.com/office/2006/metadata/properties"/>
    <ds:schemaRef ds:uri="http://schemas.microsoft.com/office/infopath/2007/PartnerControls"/>
    <ds:schemaRef ds:uri="http://www.w3.org/2000/xmlns/"/>
  </ds:schemaRefs>
</ds:datastoreItem>
</file>

<file path=customXml/itemProps14.xml><?xml version="1.0" encoding="utf-8"?>
<ds:datastoreItem xmlns:ds="http://schemas.openxmlformats.org/officeDocument/2006/customXml" ds:itemID="{45A1C109-8A0B-0648-A603-C6C266A50FDD}">
  <ds:schemaRefs/>
</ds:datastoreItem>
</file>

<file path=customXml/itemProps15.xml><?xml version="1.0" encoding="utf-8"?>
<ds:datastoreItem xmlns:ds="http://schemas.openxmlformats.org/officeDocument/2006/customXml" ds:itemID="{07958A4E-FAB1-42E4-B6B5-29B01F63F87B}">
  <ds:schemaRefs/>
</ds:datastoreItem>
</file>

<file path=customXml/itemProps16.xml><?xml version="1.0" encoding="utf-8"?>
<ds:datastoreItem xmlns:ds="http://schemas.openxmlformats.org/officeDocument/2006/customXml" ds:itemID="{7AE3BF6A-C4D6-D04E-835C-D5307501D052}">
  <ds:schemaRefs/>
</ds:datastoreItem>
</file>

<file path=customXml/itemProps17.xml><?xml version="1.0" encoding="utf-8"?>
<ds:datastoreItem xmlns:ds="http://schemas.openxmlformats.org/officeDocument/2006/customXml" ds:itemID="{C71F1EBA-C310-4049-AE8A-2A0647C27517}">
  <ds:schemaRefs/>
</ds:datastoreItem>
</file>

<file path=customXml/itemProps18.xml><?xml version="1.0" encoding="utf-8"?>
<ds:datastoreItem xmlns:ds="http://schemas.openxmlformats.org/officeDocument/2006/customXml" ds:itemID="{847502A6-7CBE-43AF-BDF6-4D4423521D8C}">
  <ds:schemaRefs/>
</ds:datastoreItem>
</file>

<file path=customXml/itemProps19.xml><?xml version="1.0" encoding="utf-8"?>
<ds:datastoreItem xmlns:ds="http://schemas.openxmlformats.org/officeDocument/2006/customXml" ds:itemID="{D92C3DF5-A179-4E2D-BD20-07044B39171F}">
  <ds:schemaRefs/>
</ds:datastoreItem>
</file>

<file path=customXml/itemProps2.xml><?xml version="1.0" encoding="utf-8"?>
<ds:datastoreItem xmlns:ds="http://schemas.openxmlformats.org/officeDocument/2006/customXml" ds:itemID="{C09F197C-6A49-47D0-B877-F88807989676}">
  <ds:schemaRefs/>
</ds:datastoreItem>
</file>

<file path=customXml/itemProps3.xml><?xml version="1.0" encoding="utf-8"?>
<ds:datastoreItem xmlns:ds="http://schemas.openxmlformats.org/officeDocument/2006/customXml" ds:itemID="{03AF3FDC-ACD1-46F3-A43E-782322DF9816}">
  <ds:schemaRefs/>
</ds:datastoreItem>
</file>

<file path=customXml/itemProps4.xml><?xml version="1.0" encoding="utf-8"?>
<ds:datastoreItem xmlns:ds="http://schemas.openxmlformats.org/officeDocument/2006/customXml" ds:itemID="{00488087-2CDF-394A-93E3-490B6A6948BE}">
  <ds:schemaRefs/>
</ds:datastoreItem>
</file>

<file path=customXml/itemProps5.xml><?xml version="1.0" encoding="utf-8"?>
<ds:datastoreItem xmlns:ds="http://schemas.openxmlformats.org/officeDocument/2006/customXml" ds:itemID="{72516535-7702-46AF-9B1F-8623A67A824E}">
  <ds:schemaRefs/>
</ds:datastoreItem>
</file>

<file path=customXml/itemProps6.xml><?xml version="1.0" encoding="utf-8"?>
<ds:datastoreItem xmlns:ds="http://schemas.openxmlformats.org/officeDocument/2006/customXml" ds:itemID="{1CE36EA9-2186-4EB1-871A-8AE59C2A13BB}">
  <ds:schemaRefs/>
</ds:datastoreItem>
</file>

<file path=customXml/itemProps7.xml><?xml version="1.0" encoding="utf-8"?>
<ds:datastoreItem xmlns:ds="http://schemas.openxmlformats.org/officeDocument/2006/customXml" ds:itemID="{B9AEDDE3-EA02-4A8F-B8F8-0606A0AA45FC}">
  <ds:schemaRefs/>
</ds:datastoreItem>
</file>

<file path=customXml/itemProps8.xml><?xml version="1.0" encoding="utf-8"?>
<ds:datastoreItem xmlns:ds="http://schemas.openxmlformats.org/officeDocument/2006/customXml" ds:itemID="{1AF56CFB-5B6F-044F-92BC-FAADC01AD47B}">
  <ds:schemaRefs/>
</ds:datastoreItem>
</file>

<file path=customXml/itemProps9.xml><?xml version="1.0" encoding="utf-8"?>
<ds:datastoreItem xmlns:ds="http://schemas.openxmlformats.org/officeDocument/2006/customXml" ds:itemID="{58CC0B31-82B9-497A-9A2E-F3F72D0BBDA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Application>Microsoft Office PowerPoint</Application>
  <PresentationFormat>Widescreen</PresentationFormat>
  <Slides>8</Slides>
  <Notes>1</Notes>
  <HiddenSlides>0</HiddenSlide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9" baseType="lpstr">
      <vt:lpstr>PresentationTemplate2017</vt:lpstr>
      <vt:lpstr>P.BBQCG overview </vt:lpstr>
      <vt:lpstr>Part in the BBQCG model</vt:lpstr>
      <vt:lpstr>Setup</vt:lpstr>
      <vt:lpstr>Scope</vt:lpstr>
      <vt:lpstr>Test parameters - overall</vt:lpstr>
      <vt:lpstr>Test parameters - Subjective quality dimensions</vt:lpstr>
      <vt:lpstr>Requirements testing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avid Lindero</dc:creator>
  <cp:keywords/>
  <dc:description> 
Rev </dc:description>
  <cp:revision>1</cp:revision>
  <dcterms:created xsi:type="dcterms:W3CDTF">2021-06-08T06:18:58Z</dcterms:created>
  <dcterms:modified xsi:type="dcterms:W3CDTF">2021-06-08T11:19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25T15:19:59.4129898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267694933746358</vt:lpwstr>
  </property>
  <property fmtid="{D5CDD505-2E9C-101B-9397-08002B2CF9AE}" pid="12" name="FooterText">
    <vt:lpwstr>true</vt:lpwstr>
  </property>
  <property fmtid="{D5CDD505-2E9C-101B-9397-08002B2CF9AE}" pid="13" name="SecurityClass">
    <vt:lpwstr>Open</vt:lpwstr>
  </property>
  <property fmtid="{D5CDD505-2E9C-101B-9397-08002B2CF9AE}" pid="14" name="ExtConf">
    <vt:lpwstr/>
  </property>
  <property fmtid="{D5CDD505-2E9C-101B-9397-08002B2CF9AE}" pid="15" name="Prepared">
    <vt:lpwstr>EDADLIN David Lindero</vt:lpwstr>
  </property>
  <property fmtid="{D5CDD505-2E9C-101B-9397-08002B2CF9AE}" pid="16" name="ApprovedBy">
    <vt:lpwstr/>
  </property>
  <property fmtid="{D5CDD505-2E9C-101B-9397-08002B2CF9AE}" pid="17" name="DocNo">
    <vt:lpwstr> </vt:lpwstr>
  </property>
  <property fmtid="{D5CDD505-2E9C-101B-9397-08002B2CF9AE}" pid="18" name="Checked">
    <vt:lpwstr/>
  </property>
  <property fmtid="{D5CDD505-2E9C-101B-9397-08002B2CF9AE}" pid="19" name="Date">
    <vt:lpwstr>2021-06-08</vt:lpwstr>
  </property>
  <property fmtid="{D5CDD505-2E9C-101B-9397-08002B2CF9AE}" pid="20" name="Reference">
    <vt:lpwstr/>
  </property>
  <property fmtid="{D5CDD505-2E9C-101B-9397-08002B2CF9AE}" pid="21" name="Title">
    <vt:lpwstr>BBQCG–VQEG-PRESENTATION</vt:lpwstr>
  </property>
  <property fmtid="{D5CDD505-2E9C-101B-9397-08002B2CF9AE}" pid="22" name="Keyword">
    <vt:lpwstr/>
  </property>
  <property fmtid="{D5CDD505-2E9C-101B-9397-08002B2CF9AE}" pid="23" name="DocumentType">
    <vt:lpwstr>Presentation2011</vt:lpwstr>
  </property>
  <property fmtid="{D5CDD505-2E9C-101B-9397-08002B2CF9AE}" pid="24" name="Language">
    <vt:lpwstr>EnglishUS</vt:lpwstr>
  </property>
  <property fmtid="{D5CDD505-2E9C-101B-9397-08002B2CF9AE}" pid="25" name="TemplateID">
    <vt:lpwstr>FALSE</vt:lpwstr>
  </property>
  <property fmtid="{D5CDD505-2E9C-101B-9397-08002B2CF9AE}" pid="26" name="ConfCtrl">
    <vt:lpwstr>FALSE</vt:lpwstr>
  </property>
  <property fmtid="{D5CDD505-2E9C-101B-9397-08002B2CF9AE}" pid="27" name="DocTitle">
    <vt:lpwstr>false</vt:lpwstr>
  </property>
  <property fmtid="{D5CDD505-2E9C-101B-9397-08002B2CF9AE}" pid="28" name="IsDocument">
    <vt:lpwstr>true</vt:lpwstr>
  </property>
  <property fmtid="{D5CDD505-2E9C-101B-9397-08002B2CF9AE}" pid="29" name="IsPresentation">
    <vt:lpwstr>false</vt:lpwstr>
  </property>
  <property fmtid="{D5CDD505-2E9C-101B-9397-08002B2CF9AE}" pid="30" name="PageNumberVisible">
    <vt:lpwstr>PageXY</vt:lpwstr>
  </property>
  <property fmtid="{D5CDD505-2E9C-101B-9397-08002B2CF9AE}" pid="31" name="Revision">
    <vt:lpwstr/>
  </property>
  <property fmtid="{D5CDD505-2E9C-101B-9397-08002B2CF9AE}" pid="32" name="DocType">
    <vt:lpwstr/>
  </property>
  <property fmtid="{D5CDD505-2E9C-101B-9397-08002B2CF9AE}" pid="33" name="TemplateVersion">
    <vt:lpwstr>R2A</vt:lpwstr>
  </property>
  <property fmtid="{D5CDD505-2E9C-101B-9397-08002B2CF9AE}" pid="34" name="PackageNo">
    <vt:lpwstr>LXA 119 603</vt:lpwstr>
  </property>
  <property fmtid="{D5CDD505-2E9C-101B-9397-08002B2CF9AE}" pid="35" name="PackageVersion">
    <vt:lpwstr>R6B</vt:lpwstr>
  </property>
  <property fmtid="{D5CDD505-2E9C-101B-9397-08002B2CF9AE}" pid="36" name="TemplateName">
    <vt:lpwstr>CXC 173 2731/1</vt:lpwstr>
  </property>
</Properties>
</file>